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295970\OneDrive - Cranfield University\s295970\EngD\Chapters\7. Thesis\4. Completed chapters\Chapter 4\4. CORD\"/>
    </mc:Choice>
  </mc:AlternateContent>
  <xr:revisionPtr revIDLastSave="0" documentId="13_ncr:1_{8FE48E82-7880-476F-846C-39E43F29DACD}" xr6:coauthVersionLast="47" xr6:coauthVersionMax="47" xr10:uidLastSave="{00000000-0000-0000-0000-000000000000}"/>
  <bookViews>
    <workbookView xWindow="-120" yWindow="-120" windowWidth="29040" windowHeight="15840" activeTab="1" xr2:uid="{F3A4C355-1376-41DE-BFB5-81C8FA04EA8F}"/>
  </bookViews>
  <sheets>
    <sheet name="Contents" sheetId="17" r:id="rId1"/>
    <sheet name="Fig 2" sheetId="12" r:id="rId2"/>
    <sheet name="Fig 3" sheetId="22" state="hidden" r:id="rId3"/>
    <sheet name="Fig  3" sheetId="28" r:id="rId4"/>
    <sheet name="Fig 4" sheetId="29" r:id="rId5"/>
    <sheet name="Fig 5" sheetId="30" r:id="rId6"/>
    <sheet name="Fig 6" sheetId="32" r:id="rId7"/>
    <sheet name="Fig 7" sheetId="33" r:id="rId8"/>
  </sheets>
  <definedNames>
    <definedName name="_Hlk130041943" localSheetId="0">Contents!$A$1</definedName>
    <definedName name="_Hlk130042002" localSheetId="0">Contents!$A$5</definedName>
    <definedName name="_Toc132033524" localSheetId="0">Contents!$A$1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55" uniqueCount="64">
  <si>
    <r>
      <t>B. Luqmani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A. Brookes</t>
    </r>
    <r>
      <rPr>
        <vertAlign val="superscript"/>
        <sz val="11"/>
        <color theme="1"/>
        <rFont val="Arial"/>
        <family val="2"/>
      </rPr>
      <t>b</t>
    </r>
    <r>
      <rPr>
        <sz val="11"/>
        <color theme="1"/>
        <rFont val="Arial"/>
        <family val="2"/>
      </rPr>
      <t>, A. Moore</t>
    </r>
    <r>
      <rPr>
        <vertAlign val="superscript"/>
        <sz val="11"/>
        <color theme="1"/>
        <rFont val="Arial"/>
        <family val="2"/>
      </rPr>
      <t>c</t>
    </r>
    <r>
      <rPr>
        <sz val="11"/>
        <color theme="1"/>
        <rFont val="Arial"/>
        <family val="2"/>
      </rPr>
      <t>, P. Vale</t>
    </r>
    <r>
      <rPr>
        <vertAlign val="superscript"/>
        <sz val="11"/>
        <color theme="1"/>
        <rFont val="Arial"/>
        <family val="2"/>
      </rPr>
      <t>d</t>
    </r>
    <r>
      <rPr>
        <sz val="11"/>
        <color theme="1"/>
        <rFont val="Arial"/>
        <family val="2"/>
      </rPr>
      <t>, M. Pidou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E.J. McAdam</t>
    </r>
    <r>
      <rPr>
        <vertAlign val="superscript"/>
        <sz val="11"/>
        <color theme="1"/>
        <rFont val="Arial"/>
        <family val="2"/>
      </rPr>
      <t>a,</t>
    </r>
    <r>
      <rPr>
        <sz val="11"/>
        <color theme="1"/>
        <rFont val="Arial"/>
        <family val="2"/>
      </rPr>
      <t>*</t>
    </r>
  </si>
  <si>
    <r>
      <t>a</t>
    </r>
    <r>
      <rPr>
        <sz val="9"/>
        <color theme="1"/>
        <rFont val="Arial"/>
        <family val="2"/>
      </rPr>
      <t>Cranfield Water Science Institute, Vincent Building, Cranfield University, Bedfordshire, MK43 0AL, UK</t>
    </r>
  </si>
  <si>
    <r>
      <t>b</t>
    </r>
    <r>
      <rPr>
        <sz val="9"/>
        <color theme="1"/>
        <rFont val="Arial"/>
        <family val="2"/>
      </rPr>
      <t>Anglian Water, Block C-Western House, Peterborough Business Park, Lynch Wood, Peterborough PE2 6FZ, UK</t>
    </r>
  </si>
  <si>
    <r>
      <t>c</t>
    </r>
    <r>
      <rPr>
        <sz val="9"/>
        <color theme="1"/>
        <rFont val="Arial"/>
        <family val="2"/>
      </rPr>
      <t>Northumbrian Water, Boldon House, Wheatlands Way, Durham DH1 5FA, UK</t>
    </r>
  </si>
  <si>
    <r>
      <t>d</t>
    </r>
    <r>
      <rPr>
        <sz val="9"/>
        <color theme="1"/>
        <rFont val="Arial"/>
        <family val="2"/>
      </rPr>
      <t>Severn Trent Water, 2 St. Johns Street, Coventry CV1 2LZ, UK</t>
    </r>
  </si>
  <si>
    <t>*Corresponding Author: e.mcadam@cranfield.ac.uk</t>
  </si>
  <si>
    <t>List of figures</t>
  </si>
  <si>
    <t>C</t>
  </si>
  <si>
    <t>Pressure</t>
  </si>
  <si>
    <t>bar</t>
  </si>
  <si>
    <t>Temperature</t>
  </si>
  <si>
    <t>mbar</t>
  </si>
  <si>
    <t>Pure water boiling curve</t>
  </si>
  <si>
    <t>Time</t>
  </si>
  <si>
    <t>VLE (Sutter, 2017)</t>
  </si>
  <si>
    <t>2a,b,c</t>
  </si>
  <si>
    <t>CO2 capture ratio and gas-side pressure drop using: (a) DI water; (b) 1 molNH3 L-1; and (c) 3 molNH3 L-1 solvents</t>
  </si>
  <si>
    <t>Temporal analysis of ammonia transfer into the gas-side during experimentation with: (a) 1 molNH3 L-1; and (b) 3 molNH3 L-1 solvents</t>
  </si>
  <si>
    <t>Composition of condensate collected at the gas-outlet using a gas-liquid separator for: (a) 1 molNH3 L-1; and (b) 3 molNH3 L-1</t>
  </si>
  <si>
    <t>3a,b</t>
  </si>
  <si>
    <t>4a,b</t>
  </si>
  <si>
    <t>Ammonia transfer at the gas outlet (captured using an acid trap) over time when using aqueous ammonia solvents</t>
  </si>
  <si>
    <t xml:space="preserve">Projected ternary system composition based upon gas-liquid equilibrium vapour pressures for ammonia and water and the influence of CO2 capture ratio for: (a) 1 molNH3 L-1; and (b) 3 molNH3 L-1 solvents. </t>
  </si>
  <si>
    <t>Experimental ternary system composition based upon the CO2 capture ratio when using: (a) 1 molNH3 L-1; and (b) 3 molNH3 L-1 solvents</t>
  </si>
  <si>
    <t xml:space="preserve">Influence of pressurisation on ammonia slip into the treated gas (pure N2). </t>
  </si>
  <si>
    <t>min</t>
  </si>
  <si>
    <t>2a</t>
  </si>
  <si>
    <t>% vol</t>
  </si>
  <si>
    <t>CO2 removal</t>
  </si>
  <si>
    <t>dP/dt</t>
  </si>
  <si>
    <t>mbar/min</t>
  </si>
  <si>
    <t>2b</t>
  </si>
  <si>
    <t>2c</t>
  </si>
  <si>
    <t>3a</t>
  </si>
  <si>
    <t>3b</t>
  </si>
  <si>
    <t>Catchpot</t>
  </si>
  <si>
    <t>Condensate</t>
  </si>
  <si>
    <t>ml</t>
  </si>
  <si>
    <t>g NH3</t>
  </si>
  <si>
    <t>Rinse</t>
  </si>
  <si>
    <t>Vapour slip</t>
  </si>
  <si>
    <t>pH</t>
  </si>
  <si>
    <t>-</t>
  </si>
  <si>
    <t>Condensate conc</t>
  </si>
  <si>
    <t>molNH3/L</t>
  </si>
  <si>
    <t>molNH4/L</t>
  </si>
  <si>
    <t>3M, 8% CO2</t>
  </si>
  <si>
    <t>Equilibrium slip</t>
  </si>
  <si>
    <t>1M, 8% CO2</t>
  </si>
  <si>
    <t>6a</t>
  </si>
  <si>
    <t>%vol</t>
  </si>
  <si>
    <t>yNH3</t>
  </si>
  <si>
    <t>yH20</t>
  </si>
  <si>
    <t>yCO2</t>
  </si>
  <si>
    <t>6b</t>
  </si>
  <si>
    <t>Gas presssure</t>
  </si>
  <si>
    <t>Specific NH3 slip</t>
  </si>
  <si>
    <t>g/Nm3</t>
  </si>
  <si>
    <t>Equilibrium NH3 slip</t>
  </si>
  <si>
    <t>Experimental</t>
  </si>
  <si>
    <t>Calculated</t>
  </si>
  <si>
    <t>3M NH3</t>
  </si>
  <si>
    <t>1M NH3</t>
  </si>
  <si>
    <t>Examining disruptive gas-phase reactions during CO2 capture in membrane contactors: CO2-NH3-H2O as a model ternary syste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0.0"/>
    <numFmt numFmtId="165" formatCode="0.0000"/>
    <numFmt numFmtId="166" formatCode="0.000"/>
  </numFmts>
  <fonts count="13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vertAlign val="superscript"/>
      <sz val="11"/>
      <color theme="1"/>
      <name val="Arial"/>
      <family val="2"/>
    </font>
    <font>
      <vertAlign val="superscript"/>
      <sz val="9"/>
      <color theme="1"/>
      <name val="Arial"/>
      <family val="2"/>
    </font>
    <font>
      <sz val="9"/>
      <color theme="1"/>
      <name val="Arial"/>
      <family val="2"/>
    </font>
    <font>
      <b/>
      <sz val="12"/>
      <color theme="1"/>
      <name val="Arial"/>
      <family val="2"/>
    </font>
    <font>
      <u/>
      <sz val="11"/>
      <color theme="10"/>
      <name val="Calibri"/>
      <family val="2"/>
      <scheme val="minor"/>
    </font>
    <font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9">
    <xf numFmtId="0" fontId="0" fillId="0" borderId="0"/>
    <xf numFmtId="9" fontId="6" fillId="0" borderId="0" applyFont="0" applyFill="0" applyBorder="0" applyAlignment="0" applyProtection="0"/>
    <xf numFmtId="0" fontId="4" fillId="0" borderId="0"/>
    <xf numFmtId="9" fontId="4" fillId="0" borderId="0" applyFont="0" applyFill="0" applyBorder="0" applyAlignment="0" applyProtection="0"/>
    <xf numFmtId="0" fontId="3" fillId="0" borderId="0"/>
    <xf numFmtId="9" fontId="3" fillId="0" borderId="0" applyFont="0" applyFill="0" applyBorder="0" applyAlignment="0" applyProtection="0"/>
    <xf numFmtId="0" fontId="6" fillId="0" borderId="0"/>
    <xf numFmtId="0" fontId="11" fillId="0" borderId="0" applyNumberFormat="0" applyFill="0" applyBorder="0" applyAlignment="0" applyProtection="0"/>
    <xf numFmtId="9" fontId="2" fillId="0" borderId="0" applyFont="0" applyFill="0" applyBorder="0" applyAlignment="0" applyProtection="0"/>
  </cellStyleXfs>
  <cellXfs count="68">
    <xf numFmtId="0" fontId="0" fillId="0" borderId="0" xfId="0"/>
    <xf numFmtId="0" fontId="4" fillId="0" borderId="0" xfId="0" applyFont="1" applyAlignment="1">
      <alignment horizontal="left" vertical="center"/>
    </xf>
    <xf numFmtId="0" fontId="0" fillId="0" borderId="0" xfId="0" applyAlignment="1">
      <alignment horizontal="left"/>
    </xf>
    <xf numFmtId="0" fontId="8" fillId="0" borderId="0" xfId="0" applyFont="1" applyAlignment="1">
      <alignment horizontal="left" vertical="top"/>
    </xf>
    <xf numFmtId="0" fontId="0" fillId="0" borderId="0" xfId="0" applyAlignment="1">
      <alignment horizontal="left" vertical="top"/>
    </xf>
    <xf numFmtId="0" fontId="0" fillId="0" borderId="0" xfId="0" applyAlignment="1">
      <alignment horizontal="center"/>
    </xf>
    <xf numFmtId="0" fontId="5" fillId="0" borderId="0" xfId="0" applyFont="1" applyAlignment="1">
      <alignment horizontal="center"/>
    </xf>
    <xf numFmtId="0" fontId="5" fillId="0" borderId="0" xfId="0" applyFont="1" applyAlignment="1">
      <alignment horizontal="left"/>
    </xf>
    <xf numFmtId="1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/>
    </xf>
    <xf numFmtId="164" fontId="0" fillId="0" borderId="0" xfId="0" applyNumberFormat="1" applyAlignment="1">
      <alignment horizontal="center" vertical="center"/>
    </xf>
    <xf numFmtId="0" fontId="0" fillId="0" borderId="0" xfId="0" applyAlignment="1">
      <alignment horizontal="left" vertical="center"/>
    </xf>
    <xf numFmtId="1" fontId="0" fillId="0" borderId="0" xfId="0" applyNumberFormat="1" applyAlignment="1">
      <alignment horizontal="left" vertical="center"/>
    </xf>
    <xf numFmtId="164" fontId="0" fillId="0" borderId="0" xfId="0" applyNumberFormat="1" applyAlignment="1">
      <alignment horizontal="left"/>
    </xf>
    <xf numFmtId="0" fontId="5" fillId="0" borderId="0" xfId="0" applyFont="1" applyAlignment="1">
      <alignment horizontal="center" vertical="center"/>
    </xf>
    <xf numFmtId="9" fontId="0" fillId="0" borderId="0" xfId="1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1" fontId="5" fillId="0" borderId="0" xfId="0" applyNumberFormat="1" applyFont="1" applyAlignment="1">
      <alignment horizontal="left" vertical="center"/>
    </xf>
    <xf numFmtId="165" fontId="0" fillId="0" borderId="0" xfId="0" applyNumberFormat="1" applyAlignment="1">
      <alignment horizontal="center" vertical="center"/>
    </xf>
    <xf numFmtId="165" fontId="0" fillId="0" borderId="0" xfId="0" applyNumberFormat="1" applyAlignment="1">
      <alignment horizontal="center"/>
    </xf>
    <xf numFmtId="164" fontId="0" fillId="0" borderId="0" xfId="0" applyNumberFormat="1" applyAlignment="1">
      <alignment horizontal="center"/>
    </xf>
    <xf numFmtId="166" fontId="0" fillId="0" borderId="0" xfId="0" applyNumberFormat="1" applyAlignment="1">
      <alignment horizontal="center" vertical="center"/>
    </xf>
    <xf numFmtId="166" fontId="0" fillId="0" borderId="0" xfId="0" applyNumberFormat="1" applyAlignment="1">
      <alignment horizontal="center"/>
    </xf>
    <xf numFmtId="1" fontId="5" fillId="0" borderId="0" xfId="0" applyNumberFormat="1" applyFont="1" applyAlignment="1">
      <alignment horizontal="center" vertical="center"/>
    </xf>
    <xf numFmtId="0" fontId="6" fillId="0" borderId="0" xfId="6" applyAlignment="1">
      <alignment horizontal="center" vertical="center"/>
    </xf>
    <xf numFmtId="0" fontId="5" fillId="0" borderId="0" xfId="6" applyFont="1" applyAlignment="1">
      <alignment horizontal="center" vertical="center"/>
    </xf>
    <xf numFmtId="0" fontId="6" fillId="0" borderId="0" xfId="6" applyAlignment="1">
      <alignment horizontal="center"/>
    </xf>
    <xf numFmtId="0" fontId="0" fillId="2" borderId="0" xfId="0" applyFill="1"/>
    <xf numFmtId="0" fontId="0" fillId="0" borderId="0" xfId="0" quotePrefix="1" applyAlignment="1">
      <alignment horizontal="center"/>
    </xf>
    <xf numFmtId="0" fontId="0" fillId="2" borderId="0" xfId="0" applyFill="1" applyAlignment="1">
      <alignment horizontal="left"/>
    </xf>
    <xf numFmtId="0" fontId="9" fillId="0" borderId="0" xfId="0" applyFont="1"/>
    <xf numFmtId="2" fontId="0" fillId="0" borderId="0" xfId="0" applyNumberFormat="1" applyAlignment="1">
      <alignment horizontal="center" vertical="center"/>
    </xf>
    <xf numFmtId="9" fontId="0" fillId="0" borderId="0" xfId="1" applyFont="1" applyAlignment="1">
      <alignment horizontal="center"/>
    </xf>
    <xf numFmtId="1" fontId="0" fillId="0" borderId="0" xfId="0" applyNumberFormat="1" applyAlignment="1">
      <alignment horizontal="center"/>
    </xf>
    <xf numFmtId="2" fontId="0" fillId="0" borderId="0" xfId="0" applyNumberFormat="1" applyAlignment="1">
      <alignment horizontal="center"/>
    </xf>
    <xf numFmtId="9" fontId="0" fillId="2" borderId="0" xfId="1" applyFont="1" applyFill="1"/>
    <xf numFmtId="9" fontId="5" fillId="0" borderId="0" xfId="1" applyFont="1" applyAlignment="1">
      <alignment horizontal="left"/>
    </xf>
    <xf numFmtId="9" fontId="5" fillId="0" borderId="0" xfId="1" applyFont="1" applyAlignment="1">
      <alignment horizontal="center"/>
    </xf>
    <xf numFmtId="9" fontId="0" fillId="0" borderId="0" xfId="1" applyFont="1" applyAlignment="1">
      <alignment horizontal="left"/>
    </xf>
    <xf numFmtId="0" fontId="5" fillId="2" borderId="0" xfId="0" applyFont="1" applyFill="1" applyAlignment="1">
      <alignment horizontal="center" vertical="center"/>
    </xf>
    <xf numFmtId="9" fontId="0" fillId="2" borderId="0" xfId="1" applyFont="1" applyFill="1" applyAlignment="1">
      <alignment horizontal="center"/>
    </xf>
    <xf numFmtId="0" fontId="0" fillId="2" borderId="0" xfId="0" applyFill="1" applyAlignment="1">
      <alignment horizontal="center"/>
    </xf>
    <xf numFmtId="0" fontId="5" fillId="3" borderId="1" xfId="0" applyFont="1" applyFill="1" applyBorder="1" applyAlignment="1">
      <alignment horizontal="left"/>
    </xf>
    <xf numFmtId="9" fontId="0" fillId="2" borderId="2" xfId="1" applyFont="1" applyFill="1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5" fillId="0" borderId="3" xfId="0" applyFont="1" applyBorder="1" applyAlignment="1">
      <alignment horizontal="center" vertical="center"/>
    </xf>
    <xf numFmtId="1" fontId="5" fillId="0" borderId="4" xfId="0" applyNumberFormat="1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166" fontId="0" fillId="0" borderId="4" xfId="0" applyNumberFormat="1" applyBorder="1" applyAlignment="1">
      <alignment horizontal="center"/>
    </xf>
    <xf numFmtId="0" fontId="6" fillId="0" borderId="3" xfId="6" applyBorder="1" applyAlignment="1">
      <alignment horizontal="center"/>
    </xf>
    <xf numFmtId="2" fontId="0" fillId="0" borderId="4" xfId="0" applyNumberFormat="1" applyBorder="1" applyAlignment="1">
      <alignment horizontal="center" vertical="center"/>
    </xf>
    <xf numFmtId="0" fontId="6" fillId="0" borderId="5" xfId="6" applyBorder="1" applyAlignment="1">
      <alignment horizontal="center"/>
    </xf>
    <xf numFmtId="2" fontId="0" fillId="0" borderId="6" xfId="0" applyNumberFormat="1" applyBorder="1" applyAlignment="1">
      <alignment horizontal="center" vertical="center"/>
    </xf>
    <xf numFmtId="0" fontId="0" fillId="0" borderId="4" xfId="0" applyBorder="1"/>
    <xf numFmtId="2" fontId="0" fillId="0" borderId="3" xfId="0" applyNumberFormat="1" applyBorder="1" applyAlignment="1">
      <alignment horizontal="center"/>
    </xf>
    <xf numFmtId="9" fontId="5" fillId="2" borderId="0" xfId="1" applyFont="1" applyFill="1" applyAlignment="1">
      <alignment horizontal="center" vertical="center"/>
    </xf>
    <xf numFmtId="9" fontId="5" fillId="0" borderId="0" xfId="1" applyFont="1" applyAlignment="1">
      <alignment horizontal="center" vertical="center"/>
    </xf>
    <xf numFmtId="2" fontId="12" fillId="0" borderId="0" xfId="0" applyNumberFormat="1" applyFont="1" applyAlignment="1">
      <alignment horizontal="center"/>
    </xf>
    <xf numFmtId="2" fontId="12" fillId="0" borderId="0" xfId="1" applyNumberFormat="1" applyFont="1" applyAlignment="1">
      <alignment horizontal="center" vertical="center"/>
    </xf>
    <xf numFmtId="2" fontId="12" fillId="0" borderId="0" xfId="0" applyNumberFormat="1" applyFont="1" applyAlignment="1">
      <alignment horizontal="center" vertical="center"/>
    </xf>
    <xf numFmtId="9" fontId="5" fillId="2" borderId="1" xfId="1" applyFont="1" applyFill="1" applyBorder="1" applyAlignment="1">
      <alignment horizontal="center" vertical="center"/>
    </xf>
    <xf numFmtId="2" fontId="0" fillId="2" borderId="2" xfId="1" applyNumberFormat="1" applyFont="1" applyFill="1" applyBorder="1" applyAlignment="1">
      <alignment horizontal="center"/>
    </xf>
    <xf numFmtId="2" fontId="0" fillId="0" borderId="4" xfId="0" applyNumberFormat="1" applyBorder="1" applyAlignment="1">
      <alignment horizontal="center"/>
    </xf>
    <xf numFmtId="2" fontId="5" fillId="0" borderId="4" xfId="0" applyNumberFormat="1" applyFont="1" applyBorder="1" applyAlignment="1">
      <alignment horizontal="center" vertical="center"/>
    </xf>
    <xf numFmtId="2" fontId="0" fillId="0" borderId="5" xfId="0" applyNumberFormat="1" applyBorder="1" applyAlignment="1">
      <alignment horizontal="center"/>
    </xf>
    <xf numFmtId="2" fontId="0" fillId="0" borderId="6" xfId="0" applyNumberFormat="1" applyBorder="1" applyAlignment="1">
      <alignment horizontal="center"/>
    </xf>
  </cellXfs>
  <cellStyles count="9">
    <cellStyle name="Hyperlink 2" xfId="7" xr:uid="{87D84439-EF3A-46A1-9125-1E409C2BC3C2}"/>
    <cellStyle name="Normal" xfId="0" builtinId="0"/>
    <cellStyle name="Normal 2" xfId="2" xr:uid="{88BA522C-6863-4F28-94A7-37B618CF99D3}"/>
    <cellStyle name="Normal 2 2" xfId="6" xr:uid="{C05A941C-F63D-4EE4-8521-794648452E18}"/>
    <cellStyle name="Normal 3" xfId="4" xr:uid="{4577AF93-2E34-4DC4-8CB0-AFED4F3F1E2F}"/>
    <cellStyle name="Percent" xfId="1" builtinId="5"/>
    <cellStyle name="Percent 2" xfId="3" xr:uid="{33FC39F8-F8ED-4BAF-A5C9-FA11EBA052F5}"/>
    <cellStyle name="Percent 2 3" xfId="8" xr:uid="{06AD223C-6BAE-4C21-8EE2-BA9B4F76223F}"/>
    <cellStyle name="Percent 3" xfId="5" xr:uid="{3E5B2795-973C-457B-A8C6-20D8A27FDDD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3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6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109330</xdr:colOff>
      <xdr:row>0</xdr:row>
      <xdr:rowOff>47625</xdr:rowOff>
    </xdr:from>
    <xdr:to>
      <xdr:col>20</xdr:col>
      <xdr:colOff>24240</xdr:colOff>
      <xdr:row>37</xdr:row>
      <xdr:rowOff>151506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D33B97E9-4546-13B6-59DC-80A291A887D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8681830" y="47625"/>
          <a:ext cx="4858385" cy="7152381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607529</xdr:colOff>
      <xdr:row>1</xdr:row>
      <xdr:rowOff>128796</xdr:rowOff>
    </xdr:from>
    <xdr:to>
      <xdr:col>11</xdr:col>
      <xdr:colOff>30814</xdr:colOff>
      <xdr:row>21</xdr:row>
      <xdr:rowOff>42605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0B6A9A9-752D-44B2-B908-FB9E5889824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628486" y="319296"/>
          <a:ext cx="5312219" cy="3723809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447675</xdr:colOff>
      <xdr:row>0</xdr:row>
      <xdr:rowOff>9525</xdr:rowOff>
    </xdr:from>
    <xdr:to>
      <xdr:col>19</xdr:col>
      <xdr:colOff>285105</xdr:colOff>
      <xdr:row>25</xdr:row>
      <xdr:rowOff>85120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50B19CDC-99A5-C72D-9553-3ACEFBD5B11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8696325" y="9525"/>
          <a:ext cx="5161905" cy="4838095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228600</xdr:colOff>
      <xdr:row>0</xdr:row>
      <xdr:rowOff>28575</xdr:rowOff>
    </xdr:from>
    <xdr:to>
      <xdr:col>19</xdr:col>
      <xdr:colOff>542276</xdr:colOff>
      <xdr:row>33</xdr:row>
      <xdr:rowOff>16112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D22FBF5B-4CDA-FAAD-728D-D60EBC9E583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8801100" y="28575"/>
          <a:ext cx="5190476" cy="6419048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276881</xdr:colOff>
      <xdr:row>1</xdr:row>
      <xdr:rowOff>170793</xdr:rowOff>
    </xdr:from>
    <xdr:to>
      <xdr:col>14</xdr:col>
      <xdr:colOff>190558</xdr:colOff>
      <xdr:row>17</xdr:row>
      <xdr:rowOff>37079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FA1503EB-68AF-7669-C04B-E47D8B77CBE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650295" y="361293"/>
          <a:ext cx="4800987" cy="2914286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304800</xdr:colOff>
      <xdr:row>0</xdr:row>
      <xdr:rowOff>0</xdr:rowOff>
    </xdr:from>
    <xdr:to>
      <xdr:col>18</xdr:col>
      <xdr:colOff>561333</xdr:colOff>
      <xdr:row>34</xdr:row>
      <xdr:rowOff>65857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10E8C977-7413-989F-1B5B-98D6B185484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8905875" y="0"/>
          <a:ext cx="5133333" cy="6542857"/>
        </a:xfrm>
        <a:prstGeom prst="rect">
          <a:avLst/>
        </a:prstGeom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368162</xdr:colOff>
      <xdr:row>0</xdr:row>
      <xdr:rowOff>0</xdr:rowOff>
    </xdr:from>
    <xdr:to>
      <xdr:col>13</xdr:col>
      <xdr:colOff>500886</xdr:colOff>
      <xdr:row>16</xdr:row>
      <xdr:rowOff>12342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F8C499A4-3F49-949B-43A3-79674485393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321162" y="0"/>
          <a:ext cx="5036028" cy="3171429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35F5D7-A1A2-4DC9-BF31-CA8AABFB2C7C}">
  <sheetPr codeName="Sheet1"/>
  <dimension ref="A1:B24"/>
  <sheetViews>
    <sheetView zoomScale="145" zoomScaleNormal="145" workbookViewId="0">
      <selection activeCell="G21" sqref="G21"/>
    </sheetView>
  </sheetViews>
  <sheetFormatPr defaultRowHeight="15" x14ac:dyDescent="0.25"/>
  <cols>
    <col min="1" max="1" width="9.140625" customWidth="1"/>
  </cols>
  <sheetData>
    <row r="1" spans="1:2" ht="15.75" x14ac:dyDescent="0.25">
      <c r="A1" s="16" t="s">
        <v>63</v>
      </c>
    </row>
    <row r="3" spans="1:2" ht="16.5" x14ac:dyDescent="0.25">
      <c r="A3" s="1" t="s">
        <v>0</v>
      </c>
    </row>
    <row r="5" spans="1:2" x14ac:dyDescent="0.25">
      <c r="A5" s="3" t="s">
        <v>1</v>
      </c>
    </row>
    <row r="6" spans="1:2" x14ac:dyDescent="0.25">
      <c r="A6" s="3" t="s">
        <v>2</v>
      </c>
    </row>
    <row r="7" spans="1:2" x14ac:dyDescent="0.25">
      <c r="A7" s="3" t="s">
        <v>3</v>
      </c>
    </row>
    <row r="8" spans="1:2" x14ac:dyDescent="0.25">
      <c r="A8" s="3" t="s">
        <v>4</v>
      </c>
    </row>
    <row r="9" spans="1:2" x14ac:dyDescent="0.25">
      <c r="A9" s="30" t="s">
        <v>5</v>
      </c>
    </row>
    <row r="10" spans="1:2" x14ac:dyDescent="0.25">
      <c r="A10" s="4"/>
    </row>
    <row r="11" spans="1:2" x14ac:dyDescent="0.25">
      <c r="A11" s="2"/>
    </row>
    <row r="12" spans="1:2" x14ac:dyDescent="0.25">
      <c r="A12" s="7" t="s">
        <v>6</v>
      </c>
    </row>
    <row r="13" spans="1:2" x14ac:dyDescent="0.25">
      <c r="A13" s="5">
        <v>1</v>
      </c>
      <c r="B13" t="s">
        <v>14</v>
      </c>
    </row>
    <row r="14" spans="1:2" x14ac:dyDescent="0.25">
      <c r="A14" s="5" t="s">
        <v>15</v>
      </c>
      <c r="B14" t="s">
        <v>16</v>
      </c>
    </row>
    <row r="15" spans="1:2" x14ac:dyDescent="0.25">
      <c r="A15" s="28" t="s">
        <v>19</v>
      </c>
      <c r="B15" t="s">
        <v>17</v>
      </c>
    </row>
    <row r="16" spans="1:2" x14ac:dyDescent="0.25">
      <c r="A16" s="5" t="s">
        <v>20</v>
      </c>
      <c r="B16" t="s">
        <v>18</v>
      </c>
    </row>
    <row r="17" spans="1:2" x14ac:dyDescent="0.25">
      <c r="A17" s="5">
        <v>5</v>
      </c>
      <c r="B17" t="s">
        <v>21</v>
      </c>
    </row>
    <row r="18" spans="1:2" x14ac:dyDescent="0.25">
      <c r="A18" s="28">
        <v>6</v>
      </c>
      <c r="B18" t="s">
        <v>22</v>
      </c>
    </row>
    <row r="19" spans="1:2" x14ac:dyDescent="0.25">
      <c r="A19" s="5">
        <v>7</v>
      </c>
      <c r="B19" t="s">
        <v>23</v>
      </c>
    </row>
    <row r="20" spans="1:2" x14ac:dyDescent="0.25">
      <c r="A20" s="5">
        <v>8</v>
      </c>
      <c r="B20" t="s">
        <v>24</v>
      </c>
    </row>
    <row r="21" spans="1:2" x14ac:dyDescent="0.25">
      <c r="A21" s="28"/>
    </row>
    <row r="22" spans="1:2" x14ac:dyDescent="0.25">
      <c r="A22" s="5"/>
    </row>
    <row r="23" spans="1:2" x14ac:dyDescent="0.25">
      <c r="A23" s="5"/>
    </row>
    <row r="24" spans="1:2" x14ac:dyDescent="0.25">
      <c r="A24" s="28"/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A57D80-F624-438A-986B-5A965F1539B7}">
  <sheetPr codeName="Sheet2"/>
  <dimension ref="A1:O107"/>
  <sheetViews>
    <sheetView tabSelected="1" zoomScaleNormal="100" workbookViewId="0">
      <selection activeCell="I29" sqref="I29"/>
    </sheetView>
  </sheetViews>
  <sheetFormatPr defaultRowHeight="15" x14ac:dyDescent="0.25"/>
  <cols>
    <col min="1" max="1" width="8.7109375" style="5" customWidth="1"/>
    <col min="2" max="2" width="12.28515625" style="38" bestFit="1" customWidth="1"/>
    <col min="3" max="3" width="10" style="2" bestFit="1" customWidth="1"/>
    <col min="4" max="4" width="11.5703125" style="2" customWidth="1"/>
    <col min="5" max="5" width="9.5703125" style="2" customWidth="1"/>
    <col min="6" max="6" width="12.28515625" style="2" bestFit="1" customWidth="1"/>
    <col min="7" max="7" width="12.5703125" style="2" bestFit="1" customWidth="1"/>
    <col min="8" max="8" width="9.5703125" style="2" customWidth="1"/>
    <col min="9" max="9" width="11.5703125" style="2" bestFit="1" customWidth="1"/>
    <col min="10" max="10" width="12.28515625" style="2" bestFit="1" customWidth="1"/>
    <col min="11" max="11" width="11.5703125" style="2" bestFit="1" customWidth="1"/>
    <col min="12" max="12" width="9.28515625" style="2" bestFit="1" customWidth="1"/>
    <col min="13" max="13" width="9.5703125" style="2" bestFit="1" customWidth="1"/>
    <col min="14" max="14" width="9.28515625" style="2" bestFit="1" customWidth="1"/>
    <col min="15" max="15" width="9.5703125" style="2" bestFit="1" customWidth="1"/>
    <col min="16" max="16384" width="9.140625" style="2"/>
  </cols>
  <sheetData>
    <row r="1" spans="1:15" x14ac:dyDescent="0.25">
      <c r="A1" s="39" t="s">
        <v>26</v>
      </c>
      <c r="B1" s="35"/>
      <c r="C1" s="27"/>
      <c r="E1" s="39" t="s">
        <v>31</v>
      </c>
      <c r="F1" s="35"/>
      <c r="G1" s="27"/>
      <c r="I1" s="39" t="s">
        <v>32</v>
      </c>
      <c r="J1" s="35"/>
      <c r="K1" s="27"/>
    </row>
    <row r="2" spans="1:15" x14ac:dyDescent="0.25">
      <c r="A2" s="6"/>
      <c r="B2" s="36"/>
      <c r="C2" s="6"/>
      <c r="E2" s="18"/>
      <c r="F2" s="15"/>
      <c r="G2" s="21"/>
      <c r="I2" s="18"/>
      <c r="J2" s="15"/>
      <c r="K2" s="21"/>
    </row>
    <row r="3" spans="1:15" x14ac:dyDescent="0.25">
      <c r="A3" s="14" t="s">
        <v>13</v>
      </c>
      <c r="B3" s="37" t="s">
        <v>28</v>
      </c>
      <c r="C3" s="23" t="s">
        <v>29</v>
      </c>
      <c r="D3" s="17"/>
      <c r="E3" s="14" t="s">
        <v>13</v>
      </c>
      <c r="F3" s="37" t="s">
        <v>28</v>
      </c>
      <c r="G3" s="23" t="s">
        <v>29</v>
      </c>
      <c r="I3" s="14" t="s">
        <v>13</v>
      </c>
      <c r="J3" s="37" t="s">
        <v>28</v>
      </c>
      <c r="K3" s="23" t="s">
        <v>29</v>
      </c>
    </row>
    <row r="4" spans="1:15" x14ac:dyDescent="0.25">
      <c r="A4" s="9" t="s">
        <v>25</v>
      </c>
      <c r="B4" s="15" t="s">
        <v>27</v>
      </c>
      <c r="C4" s="9" t="s">
        <v>30</v>
      </c>
      <c r="D4" s="9"/>
      <c r="E4" s="9" t="s">
        <v>25</v>
      </c>
      <c r="F4" s="15" t="s">
        <v>27</v>
      </c>
      <c r="G4" s="9" t="s">
        <v>30</v>
      </c>
      <c r="H4" s="9"/>
      <c r="I4" s="9" t="s">
        <v>25</v>
      </c>
      <c r="J4" s="15" t="s">
        <v>27</v>
      </c>
      <c r="K4" s="9" t="s">
        <v>30</v>
      </c>
      <c r="L4" s="9"/>
      <c r="M4" s="9"/>
      <c r="N4" s="9"/>
      <c r="O4" s="9"/>
    </row>
    <row r="5" spans="1:15" x14ac:dyDescent="0.25">
      <c r="A5" s="33">
        <v>0</v>
      </c>
      <c r="B5" s="32">
        <v>3.4294367868357281E-2</v>
      </c>
      <c r="C5" s="31">
        <v>0</v>
      </c>
      <c r="D5" s="7"/>
      <c r="E5" s="33">
        <v>0</v>
      </c>
      <c r="F5" s="32">
        <v>3.8654380588591421E-2</v>
      </c>
      <c r="G5" s="20">
        <v>0</v>
      </c>
      <c r="H5" s="6"/>
      <c r="I5" s="8">
        <v>0</v>
      </c>
      <c r="J5" s="15">
        <v>6.4014496278682456E-2</v>
      </c>
      <c r="K5" s="10">
        <v>0</v>
      </c>
    </row>
    <row r="6" spans="1:15" x14ac:dyDescent="0.25">
      <c r="A6" s="33">
        <v>2</v>
      </c>
      <c r="B6" s="32">
        <v>0.26428558485527037</v>
      </c>
      <c r="C6" s="31">
        <v>0.57882502273546521</v>
      </c>
      <c r="E6" s="33">
        <v>2</v>
      </c>
      <c r="F6" s="32">
        <v>0.69467848308945401</v>
      </c>
      <c r="G6" s="20">
        <v>-2.473689771693838</v>
      </c>
      <c r="H6" s="5"/>
      <c r="I6" s="8">
        <v>2</v>
      </c>
      <c r="J6" s="15">
        <v>0.56714507698691619</v>
      </c>
      <c r="K6" s="10">
        <v>0</v>
      </c>
    </row>
    <row r="7" spans="1:15" x14ac:dyDescent="0.25">
      <c r="A7" s="33">
        <v>4</v>
      </c>
      <c r="B7" s="32">
        <v>0.28506377078259493</v>
      </c>
      <c r="C7" s="31">
        <v>-0.25</v>
      </c>
      <c r="E7" s="33">
        <v>5</v>
      </c>
      <c r="F7" s="32">
        <v>0.92315768572511692</v>
      </c>
      <c r="G7" s="20">
        <v>1.6491265144625586</v>
      </c>
      <c r="H7" s="5"/>
      <c r="I7" s="8">
        <v>5</v>
      </c>
      <c r="J7" s="15">
        <v>0.88454351474205128</v>
      </c>
      <c r="K7" s="10">
        <v>5.8333333333333313</v>
      </c>
      <c r="L7" s="13"/>
      <c r="M7" s="13"/>
      <c r="N7" s="13"/>
      <c r="O7" s="13"/>
    </row>
    <row r="8" spans="1:15" x14ac:dyDescent="0.25">
      <c r="A8" s="33">
        <v>6</v>
      </c>
      <c r="B8" s="32">
        <v>0.31955096992106047</v>
      </c>
      <c r="C8" s="31">
        <v>0</v>
      </c>
      <c r="E8" s="33">
        <v>10</v>
      </c>
      <c r="F8" s="32">
        <v>0.78938735258791992</v>
      </c>
      <c r="G8" s="20">
        <v>8.3210481826449261</v>
      </c>
      <c r="H8" s="5"/>
      <c r="I8" s="8">
        <v>10</v>
      </c>
      <c r="J8" s="15">
        <v>0.82910490370589307</v>
      </c>
      <c r="K8" s="10">
        <v>4.5210481826449271</v>
      </c>
      <c r="L8" s="13"/>
      <c r="M8" s="13"/>
      <c r="N8" s="13"/>
      <c r="O8" s="13"/>
    </row>
    <row r="9" spans="1:15" x14ac:dyDescent="0.25">
      <c r="A9" s="33">
        <v>8</v>
      </c>
      <c r="B9" s="32">
        <v>0.32498012512797314</v>
      </c>
      <c r="C9" s="31">
        <v>0</v>
      </c>
      <c r="E9" s="33">
        <v>16</v>
      </c>
      <c r="F9" s="32">
        <v>0.43388269478425845</v>
      </c>
      <c r="G9" s="20">
        <v>3.9342068188707713</v>
      </c>
      <c r="H9" s="5"/>
      <c r="I9" s="33">
        <v>15</v>
      </c>
      <c r="J9" s="32">
        <v>0.73867730437428913</v>
      </c>
      <c r="K9" s="20">
        <v>2.1</v>
      </c>
      <c r="L9" s="13"/>
      <c r="M9" s="13"/>
      <c r="N9" s="13"/>
      <c r="O9" s="13"/>
    </row>
    <row r="10" spans="1:15" x14ac:dyDescent="0.25">
      <c r="A10" s="33">
        <v>10</v>
      </c>
      <c r="B10" s="15">
        <v>0.32840123252693565</v>
      </c>
      <c r="C10" s="31">
        <v>0</v>
      </c>
      <c r="E10" s="33">
        <v>20</v>
      </c>
      <c r="F10" s="32">
        <v>0.47037487502598785</v>
      </c>
      <c r="G10" s="20">
        <v>-2.7631551141530792</v>
      </c>
      <c r="H10" s="5"/>
      <c r="I10" s="33">
        <v>20</v>
      </c>
      <c r="J10" s="32">
        <v>0.74117999596142636</v>
      </c>
      <c r="K10" s="20">
        <v>-1.9</v>
      </c>
      <c r="L10" s="13"/>
      <c r="M10" s="13"/>
      <c r="N10" s="13"/>
      <c r="O10" s="13"/>
    </row>
    <row r="11" spans="1:15" x14ac:dyDescent="0.25">
      <c r="A11" s="33">
        <v>15</v>
      </c>
      <c r="B11" s="15">
        <v>0.34379171668855013</v>
      </c>
      <c r="C11" s="34">
        <v>0</v>
      </c>
      <c r="E11" s="8">
        <v>25</v>
      </c>
      <c r="F11" s="15">
        <v>0.57764092132327405</v>
      </c>
      <c r="G11" s="10">
        <v>-2.5</v>
      </c>
      <c r="H11" s="5"/>
      <c r="I11" s="33">
        <v>25</v>
      </c>
      <c r="J11" s="32">
        <v>0.80941969094315147</v>
      </c>
      <c r="K11" s="20">
        <v>-1.010524091322462</v>
      </c>
      <c r="L11" s="13"/>
      <c r="M11" s="13"/>
      <c r="N11" s="13"/>
      <c r="O11" s="13"/>
    </row>
    <row r="12" spans="1:15" x14ac:dyDescent="0.25">
      <c r="A12" s="33">
        <v>20</v>
      </c>
      <c r="B12" s="15">
        <v>0.33585262668841265</v>
      </c>
      <c r="C12" s="31">
        <v>0.1</v>
      </c>
      <c r="E12" s="8">
        <v>30</v>
      </c>
      <c r="F12" s="15">
        <v>0.62817570348402718</v>
      </c>
      <c r="G12" s="10">
        <v>-0.9</v>
      </c>
      <c r="H12" s="5"/>
      <c r="I12" s="33">
        <v>30</v>
      </c>
      <c r="J12" s="32">
        <v>0.85007327909321684</v>
      </c>
      <c r="K12" s="20">
        <v>-0.5</v>
      </c>
      <c r="L12" s="13"/>
      <c r="M12" s="13"/>
      <c r="N12" s="13"/>
      <c r="O12" s="13"/>
    </row>
    <row r="13" spans="1:15" x14ac:dyDescent="0.25">
      <c r="A13" s="33">
        <v>25</v>
      </c>
      <c r="B13" s="15">
        <v>0.33278632552949611</v>
      </c>
      <c r="C13" s="31">
        <v>0.1</v>
      </c>
      <c r="E13" s="8">
        <v>35</v>
      </c>
      <c r="F13" s="15">
        <v>0.65276856977989106</v>
      </c>
      <c r="G13" s="10">
        <v>0</v>
      </c>
      <c r="H13" s="5"/>
      <c r="I13" s="33">
        <v>35</v>
      </c>
      <c r="J13" s="32">
        <v>0.86293151308195948</v>
      </c>
      <c r="K13" s="20">
        <v>-0.1</v>
      </c>
      <c r="L13" s="13"/>
      <c r="M13" s="13"/>
      <c r="N13" s="13"/>
      <c r="O13" s="13"/>
    </row>
    <row r="14" spans="1:15" x14ac:dyDescent="0.25">
      <c r="A14" s="33">
        <v>30</v>
      </c>
      <c r="B14" s="15">
        <v>0.34095099062210693</v>
      </c>
      <c r="C14" s="31">
        <v>0.1</v>
      </c>
      <c r="E14" s="8">
        <v>40</v>
      </c>
      <c r="F14" s="15">
        <v>0.66460088199215006</v>
      </c>
      <c r="G14" s="10">
        <v>-0.58947590867753807</v>
      </c>
      <c r="H14" s="5"/>
      <c r="I14" s="33">
        <v>40</v>
      </c>
      <c r="J14" s="32">
        <v>0.87147725901387485</v>
      </c>
      <c r="K14" s="20">
        <v>-0.68947590867753805</v>
      </c>
      <c r="L14" s="13"/>
      <c r="M14" s="13"/>
      <c r="N14" s="13"/>
      <c r="O14" s="13"/>
    </row>
    <row r="15" spans="1:15" x14ac:dyDescent="0.25">
      <c r="A15" s="33">
        <v>35</v>
      </c>
      <c r="B15" s="15">
        <v>0.35059888478994955</v>
      </c>
      <c r="C15" s="31">
        <v>-0.3</v>
      </c>
      <c r="E15" s="8">
        <v>45</v>
      </c>
      <c r="F15" s="15">
        <v>0.65238901526836324</v>
      </c>
      <c r="G15" s="10">
        <v>0.6</v>
      </c>
      <c r="H15" s="5"/>
      <c r="I15" s="33">
        <v>45</v>
      </c>
      <c r="J15" s="32">
        <v>0.86416804110349954</v>
      </c>
      <c r="K15" s="20">
        <v>0.3</v>
      </c>
      <c r="L15" s="13"/>
      <c r="M15" s="13"/>
      <c r="N15" s="13"/>
      <c r="O15" s="13"/>
    </row>
    <row r="16" spans="1:15" x14ac:dyDescent="0.25">
      <c r="A16" s="33">
        <v>40</v>
      </c>
      <c r="B16" s="15">
        <v>0.33949160456764849</v>
      </c>
      <c r="C16" s="31">
        <v>0</v>
      </c>
      <c r="E16" s="8">
        <v>50</v>
      </c>
      <c r="F16" s="15">
        <v>0.61930256562947128</v>
      </c>
      <c r="G16" s="10">
        <v>0.6</v>
      </c>
      <c r="H16" s="5"/>
      <c r="I16" s="33">
        <v>50</v>
      </c>
      <c r="J16" s="32">
        <v>0.85648119415461821</v>
      </c>
      <c r="K16" s="20">
        <v>0.6</v>
      </c>
      <c r="L16" s="13"/>
      <c r="M16" s="13"/>
      <c r="N16" s="13"/>
      <c r="O16" s="13"/>
    </row>
    <row r="17" spans="1:15" x14ac:dyDescent="0.25">
      <c r="A17" s="33">
        <v>45</v>
      </c>
      <c r="B17" s="15">
        <v>0.33639434802610091</v>
      </c>
      <c r="C17" s="31">
        <v>0.1</v>
      </c>
      <c r="E17" s="8">
        <v>55</v>
      </c>
      <c r="F17" s="15">
        <v>0.59535165230214304</v>
      </c>
      <c r="G17" s="10">
        <v>1.7000000000000015</v>
      </c>
      <c r="H17" s="5"/>
      <c r="I17" s="33">
        <v>55</v>
      </c>
      <c r="J17" s="32">
        <v>0.82883650272184983</v>
      </c>
      <c r="K17" s="20">
        <v>-0.48947590867753804</v>
      </c>
      <c r="L17" s="13"/>
      <c r="M17" s="13"/>
      <c r="N17" s="13"/>
      <c r="O17" s="13"/>
    </row>
    <row r="18" spans="1:15" x14ac:dyDescent="0.25">
      <c r="A18" s="33">
        <v>50</v>
      </c>
      <c r="B18" s="15">
        <v>0.34252561697883399</v>
      </c>
      <c r="C18" s="31">
        <v>0.3</v>
      </c>
      <c r="E18" s="8">
        <v>60</v>
      </c>
      <c r="F18" s="15">
        <v>0.57603463843372571</v>
      </c>
      <c r="G18" s="10">
        <v>-0.67895181735507182</v>
      </c>
      <c r="H18" s="5"/>
      <c r="I18" s="33">
        <v>60</v>
      </c>
      <c r="J18" s="32">
        <v>0.82598133028450538</v>
      </c>
      <c r="K18" s="20">
        <v>1.1894759086775379</v>
      </c>
      <c r="L18" s="13"/>
      <c r="M18" s="13"/>
      <c r="N18" s="13"/>
      <c r="O18" s="13"/>
    </row>
    <row r="19" spans="1:15" x14ac:dyDescent="0.25">
      <c r="A19" s="8">
        <v>55</v>
      </c>
      <c r="B19" s="15">
        <v>0.34137829907293771</v>
      </c>
      <c r="C19" s="31">
        <v>-0.1</v>
      </c>
      <c r="E19" s="5"/>
      <c r="F19" s="5"/>
      <c r="G19" s="5"/>
      <c r="H19" s="5"/>
      <c r="I19" s="12"/>
      <c r="J19" s="12"/>
      <c r="K19" s="12"/>
      <c r="L19" s="13"/>
      <c r="M19" s="13"/>
      <c r="N19" s="13"/>
      <c r="O19" s="13"/>
    </row>
    <row r="20" spans="1:15" x14ac:dyDescent="0.25">
      <c r="A20" s="8">
        <v>60</v>
      </c>
      <c r="B20" s="15">
        <v>0.33882031462628348</v>
      </c>
      <c r="C20" s="31">
        <v>-0.4</v>
      </c>
      <c r="I20" s="12"/>
      <c r="J20" s="12"/>
      <c r="K20" s="12"/>
      <c r="L20" s="13"/>
      <c r="M20" s="13"/>
      <c r="N20" s="13"/>
      <c r="O20" s="13"/>
    </row>
    <row r="21" spans="1:15" x14ac:dyDescent="0.25">
      <c r="A21" s="18"/>
      <c r="B21" s="15"/>
      <c r="C21" s="21"/>
    </row>
    <row r="27" spans="1:15" x14ac:dyDescent="0.25">
      <c r="D27" s="9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</row>
    <row r="28" spans="1:15" x14ac:dyDescent="0.25">
      <c r="H28" s="11"/>
      <c r="I28" s="11"/>
      <c r="J28" s="11"/>
      <c r="K28" s="11"/>
    </row>
    <row r="29" spans="1:15" x14ac:dyDescent="0.25">
      <c r="H29" s="11"/>
      <c r="I29" s="11"/>
    </row>
    <row r="40" spans="1:3" x14ac:dyDescent="0.25">
      <c r="A40" s="18"/>
      <c r="B40" s="15"/>
      <c r="C40" s="21"/>
    </row>
    <row r="59" spans="1:3" x14ac:dyDescent="0.25">
      <c r="A59" s="19"/>
      <c r="B59" s="32"/>
      <c r="C59" s="22"/>
    </row>
    <row r="60" spans="1:3" x14ac:dyDescent="0.25">
      <c r="C60" s="22"/>
    </row>
    <row r="61" spans="1:3" x14ac:dyDescent="0.25">
      <c r="C61" s="22"/>
    </row>
    <row r="62" spans="1:3" x14ac:dyDescent="0.25">
      <c r="C62" s="22"/>
    </row>
    <row r="63" spans="1:3" x14ac:dyDescent="0.25">
      <c r="C63" s="22"/>
    </row>
    <row r="64" spans="1:3" x14ac:dyDescent="0.25">
      <c r="C64" s="22"/>
    </row>
    <row r="65" spans="3:3" x14ac:dyDescent="0.25">
      <c r="C65" s="22"/>
    </row>
    <row r="66" spans="3:3" x14ac:dyDescent="0.25">
      <c r="C66" s="22"/>
    </row>
    <row r="67" spans="3:3" x14ac:dyDescent="0.25">
      <c r="C67" s="22"/>
    </row>
    <row r="68" spans="3:3" x14ac:dyDescent="0.25">
      <c r="C68" s="22"/>
    </row>
    <row r="69" spans="3:3" x14ac:dyDescent="0.25">
      <c r="C69" s="22"/>
    </row>
    <row r="70" spans="3:3" x14ac:dyDescent="0.25">
      <c r="C70" s="22"/>
    </row>
    <row r="71" spans="3:3" x14ac:dyDescent="0.25">
      <c r="C71" s="22"/>
    </row>
    <row r="72" spans="3:3" x14ac:dyDescent="0.25">
      <c r="C72" s="22"/>
    </row>
    <row r="73" spans="3:3" x14ac:dyDescent="0.25">
      <c r="C73" s="22"/>
    </row>
    <row r="74" spans="3:3" x14ac:dyDescent="0.25">
      <c r="C74" s="22"/>
    </row>
    <row r="75" spans="3:3" x14ac:dyDescent="0.25">
      <c r="C75" s="22"/>
    </row>
    <row r="76" spans="3:3" x14ac:dyDescent="0.25">
      <c r="C76" s="22"/>
    </row>
    <row r="77" spans="3:3" x14ac:dyDescent="0.25">
      <c r="C77" s="22"/>
    </row>
    <row r="78" spans="3:3" x14ac:dyDescent="0.25">
      <c r="C78" s="22"/>
    </row>
    <row r="79" spans="3:3" x14ac:dyDescent="0.25">
      <c r="C79" s="22"/>
    </row>
    <row r="80" spans="3:3" x14ac:dyDescent="0.25">
      <c r="C80" s="22"/>
    </row>
    <row r="81" spans="3:3" x14ac:dyDescent="0.25">
      <c r="C81" s="22"/>
    </row>
    <row r="82" spans="3:3" x14ac:dyDescent="0.25">
      <c r="C82" s="22"/>
    </row>
    <row r="83" spans="3:3" x14ac:dyDescent="0.25">
      <c r="C83" s="22"/>
    </row>
    <row r="84" spans="3:3" x14ac:dyDescent="0.25">
      <c r="C84" s="22"/>
    </row>
    <row r="85" spans="3:3" x14ac:dyDescent="0.25">
      <c r="C85" s="22"/>
    </row>
    <row r="86" spans="3:3" x14ac:dyDescent="0.25">
      <c r="C86" s="22"/>
    </row>
    <row r="87" spans="3:3" x14ac:dyDescent="0.25">
      <c r="C87" s="22"/>
    </row>
    <row r="88" spans="3:3" x14ac:dyDescent="0.25">
      <c r="C88" s="22"/>
    </row>
    <row r="89" spans="3:3" x14ac:dyDescent="0.25">
      <c r="C89" s="22"/>
    </row>
    <row r="90" spans="3:3" x14ac:dyDescent="0.25">
      <c r="C90" s="22"/>
    </row>
    <row r="91" spans="3:3" x14ac:dyDescent="0.25">
      <c r="C91" s="22"/>
    </row>
    <row r="92" spans="3:3" x14ac:dyDescent="0.25">
      <c r="C92" s="22"/>
    </row>
    <row r="93" spans="3:3" x14ac:dyDescent="0.25">
      <c r="C93" s="22"/>
    </row>
    <row r="94" spans="3:3" x14ac:dyDescent="0.25">
      <c r="C94" s="22"/>
    </row>
    <row r="95" spans="3:3" x14ac:dyDescent="0.25">
      <c r="C95" s="22"/>
    </row>
    <row r="96" spans="3:3" x14ac:dyDescent="0.25">
      <c r="C96" s="22"/>
    </row>
    <row r="97" spans="3:3" x14ac:dyDescent="0.25">
      <c r="C97" s="22"/>
    </row>
    <row r="98" spans="3:3" x14ac:dyDescent="0.25">
      <c r="C98" s="22"/>
    </row>
    <row r="99" spans="3:3" x14ac:dyDescent="0.25">
      <c r="C99" s="22"/>
    </row>
    <row r="100" spans="3:3" x14ac:dyDescent="0.25">
      <c r="C100" s="22"/>
    </row>
    <row r="101" spans="3:3" x14ac:dyDescent="0.25">
      <c r="C101" s="22"/>
    </row>
    <row r="102" spans="3:3" x14ac:dyDescent="0.25">
      <c r="C102" s="22"/>
    </row>
    <row r="103" spans="3:3" x14ac:dyDescent="0.25">
      <c r="C103" s="22"/>
    </row>
    <row r="104" spans="3:3" x14ac:dyDescent="0.25">
      <c r="C104" s="22"/>
    </row>
    <row r="105" spans="3:3" x14ac:dyDescent="0.25">
      <c r="C105" s="22"/>
    </row>
    <row r="106" spans="3:3" x14ac:dyDescent="0.25">
      <c r="C106" s="22"/>
    </row>
    <row r="107" spans="3:3" x14ac:dyDescent="0.25">
      <c r="C107" s="22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FF6894-A752-499D-B689-177C69598132}">
  <sheetPr codeName="Sheet3"/>
  <dimension ref="A1:C16"/>
  <sheetViews>
    <sheetView zoomScale="115" zoomScaleNormal="115" workbookViewId="0">
      <selection activeCell="P10" sqref="P10"/>
    </sheetView>
  </sheetViews>
  <sheetFormatPr defaultRowHeight="15" x14ac:dyDescent="0.25"/>
  <cols>
    <col min="1" max="2" width="8.85546875" bestFit="1" customWidth="1"/>
    <col min="3" max="3" width="12.7109375" bestFit="1" customWidth="1"/>
    <col min="4" max="4" width="12.5703125" bestFit="1" customWidth="1"/>
    <col min="5" max="5" width="20.5703125" bestFit="1" customWidth="1"/>
  </cols>
  <sheetData>
    <row r="1" spans="1:3" x14ac:dyDescent="0.25">
      <c r="A1" s="29" t="s">
        <v>12</v>
      </c>
      <c r="B1" s="27"/>
      <c r="C1" s="27"/>
    </row>
    <row r="2" spans="1:3" x14ac:dyDescent="0.25">
      <c r="A2" s="7"/>
    </row>
    <row r="3" spans="1:3" x14ac:dyDescent="0.25">
      <c r="A3" s="25" t="s">
        <v>8</v>
      </c>
      <c r="B3" s="25" t="s">
        <v>8</v>
      </c>
      <c r="C3" s="25" t="s">
        <v>10</v>
      </c>
    </row>
    <row r="4" spans="1:3" x14ac:dyDescent="0.25">
      <c r="A4" s="24" t="s">
        <v>11</v>
      </c>
      <c r="B4" s="24" t="s">
        <v>9</v>
      </c>
      <c r="C4" s="24" t="s">
        <v>7</v>
      </c>
    </row>
    <row r="5" spans="1:3" x14ac:dyDescent="0.25">
      <c r="A5" s="24">
        <v>15</v>
      </c>
      <c r="B5" s="24">
        <v>1.4999999999999999E-2</v>
      </c>
      <c r="C5" s="24">
        <v>13.1</v>
      </c>
    </row>
    <row r="6" spans="1:3" x14ac:dyDescent="0.25">
      <c r="A6" s="24">
        <v>50</v>
      </c>
      <c r="B6" s="24">
        <v>0.05</v>
      </c>
      <c r="C6" s="26">
        <v>32.5</v>
      </c>
    </row>
    <row r="7" spans="1:3" x14ac:dyDescent="0.25">
      <c r="A7" s="24">
        <v>100</v>
      </c>
      <c r="B7" s="24">
        <v>0.1</v>
      </c>
      <c r="C7" s="26">
        <v>45.6</v>
      </c>
    </row>
    <row r="8" spans="1:3" x14ac:dyDescent="0.25">
      <c r="A8" s="24">
        <v>200</v>
      </c>
      <c r="B8" s="24">
        <v>0.2</v>
      </c>
      <c r="C8" s="26">
        <v>60.5</v>
      </c>
    </row>
    <row r="9" spans="1:3" x14ac:dyDescent="0.25">
      <c r="A9" s="24">
        <v>300</v>
      </c>
      <c r="B9" s="24">
        <v>0.3</v>
      </c>
      <c r="C9" s="26">
        <v>69</v>
      </c>
    </row>
    <row r="10" spans="1:3" x14ac:dyDescent="0.25">
      <c r="A10" s="24">
        <v>400</v>
      </c>
      <c r="B10" s="24">
        <v>0.4</v>
      </c>
      <c r="C10" s="26">
        <v>75.599999999999994</v>
      </c>
    </row>
    <row r="11" spans="1:3" x14ac:dyDescent="0.25">
      <c r="A11" s="24">
        <v>500</v>
      </c>
      <c r="B11" s="24">
        <v>0.5</v>
      </c>
      <c r="C11" s="26">
        <v>81.5</v>
      </c>
    </row>
    <row r="12" spans="1:3" x14ac:dyDescent="0.25">
      <c r="A12" s="24">
        <v>600</v>
      </c>
      <c r="B12" s="24">
        <v>0.6</v>
      </c>
      <c r="C12" s="26">
        <v>86.4</v>
      </c>
    </row>
    <row r="13" spans="1:3" x14ac:dyDescent="0.25">
      <c r="A13" s="24">
        <v>700</v>
      </c>
      <c r="B13" s="24">
        <v>0.7</v>
      </c>
      <c r="C13" s="26">
        <v>90.1</v>
      </c>
    </row>
    <row r="14" spans="1:3" x14ac:dyDescent="0.25">
      <c r="A14" s="24">
        <v>800</v>
      </c>
      <c r="B14" s="24">
        <v>0.8</v>
      </c>
      <c r="C14" s="26">
        <v>93.3</v>
      </c>
    </row>
    <row r="15" spans="1:3" x14ac:dyDescent="0.25">
      <c r="A15" s="24">
        <v>900</v>
      </c>
      <c r="B15" s="24">
        <v>0.9</v>
      </c>
      <c r="C15" s="26">
        <v>96.7</v>
      </c>
    </row>
    <row r="16" spans="1:3" x14ac:dyDescent="0.25">
      <c r="A16" s="24">
        <v>1000</v>
      </c>
      <c r="B16" s="24">
        <v>1</v>
      </c>
      <c r="C16" s="26">
        <v>99.7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2E3C13-BC8F-4DAD-AE5C-F2594C74AA58}">
  <sheetPr codeName="Sheet4"/>
  <dimension ref="A1:Q107"/>
  <sheetViews>
    <sheetView zoomScaleNormal="100" workbookViewId="0">
      <selection activeCell="D20" sqref="D20"/>
    </sheetView>
  </sheetViews>
  <sheetFormatPr defaultRowHeight="15" x14ac:dyDescent="0.25"/>
  <cols>
    <col min="1" max="1" width="8.7109375" style="5" customWidth="1"/>
    <col min="2" max="2" width="12.28515625" style="38" bestFit="1" customWidth="1"/>
    <col min="3" max="4" width="12.28515625" style="38" customWidth="1"/>
    <col min="5" max="5" width="11" style="2" bestFit="1" customWidth="1"/>
    <col min="6" max="6" width="11.5703125" style="2" customWidth="1"/>
    <col min="7" max="7" width="9.5703125" style="2" customWidth="1"/>
    <col min="8" max="8" width="12.28515625" style="2" bestFit="1" customWidth="1"/>
    <col min="9" max="9" width="12.5703125" style="2" bestFit="1" customWidth="1"/>
    <col min="10" max="10" width="9.5703125" style="2" customWidth="1"/>
    <col min="11" max="11" width="11.5703125" style="2" bestFit="1" customWidth="1"/>
    <col min="12" max="12" width="12.28515625" style="2" bestFit="1" customWidth="1"/>
    <col min="13" max="13" width="11.5703125" style="2" bestFit="1" customWidth="1"/>
    <col min="14" max="14" width="9.28515625" style="2" bestFit="1" customWidth="1"/>
    <col min="15" max="15" width="9.5703125" style="2" bestFit="1" customWidth="1"/>
    <col min="16" max="16" width="9.28515625" style="2" bestFit="1" customWidth="1"/>
    <col min="17" max="17" width="9.5703125" style="2" bestFit="1" customWidth="1"/>
    <col min="18" max="16384" width="9.140625" style="2"/>
  </cols>
  <sheetData>
    <row r="1" spans="1:17" x14ac:dyDescent="0.25">
      <c r="A1" s="39" t="s">
        <v>33</v>
      </c>
      <c r="B1" s="35"/>
      <c r="C1" s="35"/>
      <c r="D1" s="35"/>
      <c r="E1" s="27"/>
      <c r="G1" s="39" t="s">
        <v>34</v>
      </c>
      <c r="H1" s="35"/>
      <c r="I1" s="27"/>
      <c r="J1" s="27"/>
      <c r="K1" s="39"/>
      <c r="L1" s="15"/>
      <c r="M1" s="15"/>
    </row>
    <row r="2" spans="1:17" x14ac:dyDescent="0.25">
      <c r="A2" s="6"/>
      <c r="B2" s="36"/>
      <c r="D2" s="36"/>
      <c r="E2" s="6"/>
      <c r="G2" s="18"/>
      <c r="H2" s="15"/>
      <c r="I2" s="21"/>
      <c r="K2" s="18"/>
      <c r="L2" s="15"/>
      <c r="M2" s="21"/>
    </row>
    <row r="3" spans="1:17" x14ac:dyDescent="0.25">
      <c r="A3" s="14" t="s">
        <v>13</v>
      </c>
      <c r="B3" s="14" t="s">
        <v>36</v>
      </c>
      <c r="C3" s="37" t="s">
        <v>35</v>
      </c>
      <c r="D3" s="14" t="s">
        <v>39</v>
      </c>
      <c r="E3" s="23" t="s">
        <v>40</v>
      </c>
      <c r="F3" s="17"/>
      <c r="G3" s="14" t="s">
        <v>13</v>
      </c>
      <c r="H3" s="14" t="s">
        <v>36</v>
      </c>
      <c r="I3" s="37" t="s">
        <v>35</v>
      </c>
      <c r="J3" s="14" t="s">
        <v>39</v>
      </c>
      <c r="K3" s="23" t="s">
        <v>40</v>
      </c>
      <c r="L3" s="37"/>
      <c r="M3" s="23"/>
    </row>
    <row r="4" spans="1:17" x14ac:dyDescent="0.25">
      <c r="A4" s="9" t="s">
        <v>25</v>
      </c>
      <c r="B4" s="9" t="s">
        <v>37</v>
      </c>
      <c r="C4" s="9" t="s">
        <v>38</v>
      </c>
      <c r="D4" s="9" t="s">
        <v>38</v>
      </c>
      <c r="E4" s="9" t="s">
        <v>38</v>
      </c>
      <c r="F4" s="9"/>
      <c r="G4" s="9" t="s">
        <v>25</v>
      </c>
      <c r="H4" s="9" t="s">
        <v>37</v>
      </c>
      <c r="I4" s="9" t="s">
        <v>38</v>
      </c>
      <c r="J4" s="9" t="s">
        <v>38</v>
      </c>
      <c r="K4" s="9" t="s">
        <v>38</v>
      </c>
      <c r="L4" s="15"/>
      <c r="M4" s="9"/>
      <c r="N4" s="9"/>
      <c r="O4" s="9"/>
      <c r="P4" s="9"/>
      <c r="Q4" s="9"/>
    </row>
    <row r="5" spans="1:17" x14ac:dyDescent="0.25">
      <c r="A5" s="9">
        <v>2</v>
      </c>
      <c r="B5" s="9"/>
      <c r="C5" s="9"/>
      <c r="D5" s="9"/>
      <c r="E5" s="31"/>
      <c r="F5" s="7"/>
      <c r="G5" s="33">
        <v>2</v>
      </c>
      <c r="H5" s="32"/>
      <c r="I5" s="20"/>
      <c r="J5" s="6"/>
      <c r="K5" s="8"/>
      <c r="L5" s="15"/>
      <c r="M5" s="10"/>
    </row>
    <row r="6" spans="1:17" x14ac:dyDescent="0.25">
      <c r="A6" s="9">
        <v>4</v>
      </c>
      <c r="B6" s="10">
        <v>0.17499999999999716</v>
      </c>
      <c r="C6" s="10">
        <v>7.1855778769841267E-4</v>
      </c>
      <c r="D6" s="10">
        <v>2.1789682539682539E-2</v>
      </c>
      <c r="E6" s="31">
        <v>1.7274057539682537E-2</v>
      </c>
      <c r="G6" s="33">
        <v>4</v>
      </c>
      <c r="H6" s="32">
        <v>2.1499999999999915</v>
      </c>
      <c r="I6" s="10">
        <v>7.5811752976190458E-2</v>
      </c>
      <c r="J6" s="34">
        <v>8.2714781746031751E-2</v>
      </c>
      <c r="K6" s="31">
        <v>7.4830357142857129E-2</v>
      </c>
      <c r="L6" s="15"/>
      <c r="M6" s="10"/>
    </row>
    <row r="7" spans="1:17" x14ac:dyDescent="0.25">
      <c r="A7" s="9">
        <v>8</v>
      </c>
      <c r="B7" s="10">
        <v>1.2999999999999972</v>
      </c>
      <c r="C7" s="10">
        <v>1.0222600892857142E-2</v>
      </c>
      <c r="D7" s="10">
        <v>7.1533234126984119E-2</v>
      </c>
      <c r="E7" s="31">
        <v>3.5766617063492066E-2</v>
      </c>
      <c r="G7" s="33">
        <v>8</v>
      </c>
      <c r="H7" s="32">
        <v>5.0649999999999835</v>
      </c>
      <c r="I7" s="10">
        <v>0.38229929206349189</v>
      </c>
      <c r="J7" s="34">
        <v>0.12242361111111111</v>
      </c>
      <c r="K7" s="31">
        <v>0.12839666005291006</v>
      </c>
      <c r="L7" s="15"/>
      <c r="M7" s="10"/>
      <c r="N7" s="13"/>
      <c r="O7" s="13"/>
      <c r="P7" s="13"/>
      <c r="Q7" s="13"/>
    </row>
    <row r="8" spans="1:17" x14ac:dyDescent="0.25">
      <c r="A8" s="9">
        <v>12</v>
      </c>
      <c r="B8" s="10">
        <v>3.5999999999999801</v>
      </c>
      <c r="C8" s="10">
        <v>3.3436267857142841E-2</v>
      </c>
      <c r="D8" s="10">
        <v>0.15711507936507935</v>
      </c>
      <c r="E8" s="31">
        <v>4.6016369047619042E-2</v>
      </c>
      <c r="G8" s="33">
        <v>20</v>
      </c>
      <c r="H8" s="32">
        <v>15.799999999999983</v>
      </c>
      <c r="I8" s="10">
        <v>1.7560758154761897</v>
      </c>
      <c r="J8" s="34">
        <v>0.17460416666666664</v>
      </c>
      <c r="K8" s="31">
        <v>0.28054216269841264</v>
      </c>
      <c r="L8" s="15"/>
      <c r="M8" s="10"/>
      <c r="N8" s="13"/>
      <c r="O8" s="13"/>
      <c r="P8" s="13"/>
      <c r="Q8" s="13"/>
    </row>
    <row r="9" spans="1:17" x14ac:dyDescent="0.25">
      <c r="A9" s="9">
        <v>20</v>
      </c>
      <c r="B9" s="10">
        <v>9.0866666666666642</v>
      </c>
      <c r="C9" s="10">
        <v>0.27610446830687829</v>
      </c>
      <c r="D9" s="10">
        <v>6.5416832010582002E-2</v>
      </c>
      <c r="E9" s="31">
        <v>7.7764318783068789E-2</v>
      </c>
      <c r="G9" s="33">
        <v>40</v>
      </c>
      <c r="H9" s="32">
        <v>34.655000000000001</v>
      </c>
      <c r="I9" s="10">
        <v>3.1290554672619044</v>
      </c>
      <c r="J9" s="34">
        <v>0.12557738095238094</v>
      </c>
      <c r="K9" s="34">
        <v>0.65082341269841282</v>
      </c>
      <c r="L9" s="32"/>
      <c r="M9" s="20"/>
      <c r="N9" s="13"/>
      <c r="O9" s="13"/>
      <c r="P9" s="13"/>
      <c r="Q9" s="13"/>
    </row>
    <row r="10" spans="1:17" x14ac:dyDescent="0.25">
      <c r="A10" s="9">
        <v>40</v>
      </c>
      <c r="B10" s="10">
        <v>22.200000000000003</v>
      </c>
      <c r="C10" s="10">
        <v>1.0370512698412697</v>
      </c>
      <c r="D10" s="10">
        <v>8.6872023809523816E-2</v>
      </c>
      <c r="E10" s="31">
        <v>0.15460639880952379</v>
      </c>
      <c r="G10" s="33">
        <v>60</v>
      </c>
      <c r="H10" s="32">
        <v>70.449999999999989</v>
      </c>
      <c r="I10" s="10">
        <v>6.6181731101190451</v>
      </c>
      <c r="J10" s="34">
        <v>0.17345734126984128</v>
      </c>
      <c r="K10" s="34">
        <v>1.0602400793650792</v>
      </c>
      <c r="L10" s="32"/>
      <c r="M10" s="20"/>
      <c r="N10" s="13"/>
      <c r="O10" s="13"/>
      <c r="P10" s="13"/>
      <c r="Q10" s="13"/>
    </row>
    <row r="11" spans="1:17" x14ac:dyDescent="0.25">
      <c r="A11" s="9">
        <v>60</v>
      </c>
      <c r="B11" s="10">
        <v>37.374999999999972</v>
      </c>
      <c r="C11" s="10">
        <v>1.9721497619047617</v>
      </c>
      <c r="D11" s="10">
        <v>0.24714087301587301</v>
      </c>
      <c r="E11" s="34">
        <v>0.25043799603174599</v>
      </c>
      <c r="G11" s="8"/>
      <c r="H11" s="15"/>
      <c r="I11" s="10"/>
      <c r="J11" s="5"/>
      <c r="K11" s="33"/>
      <c r="L11" s="32"/>
      <c r="M11" s="20"/>
      <c r="N11" s="13"/>
      <c r="O11" s="13"/>
      <c r="P11" s="13"/>
      <c r="Q11" s="13"/>
    </row>
    <row r="12" spans="1:17" x14ac:dyDescent="0.25">
      <c r="A12" s="33"/>
      <c r="B12" s="15"/>
      <c r="C12" s="15"/>
      <c r="D12" s="15"/>
      <c r="E12" s="31"/>
      <c r="G12" s="8"/>
      <c r="H12" s="15"/>
      <c r="I12" s="10"/>
      <c r="J12" s="5"/>
      <c r="K12" s="33"/>
      <c r="L12" s="32"/>
      <c r="M12" s="20"/>
      <c r="N12" s="13"/>
      <c r="O12" s="13"/>
      <c r="P12" s="13"/>
      <c r="Q12" s="13"/>
    </row>
    <row r="13" spans="1:17" x14ac:dyDescent="0.25">
      <c r="A13" s="33"/>
      <c r="B13" s="15"/>
      <c r="C13" s="15"/>
      <c r="D13" s="15"/>
      <c r="E13" s="31"/>
      <c r="G13" s="8"/>
      <c r="H13" s="15"/>
      <c r="I13" s="10"/>
      <c r="J13" s="5"/>
      <c r="K13" s="33"/>
      <c r="L13" s="32"/>
      <c r="M13" s="20"/>
      <c r="N13" s="13"/>
      <c r="O13" s="13"/>
      <c r="P13" s="13"/>
      <c r="Q13" s="13"/>
    </row>
    <row r="14" spans="1:17" x14ac:dyDescent="0.25">
      <c r="A14" s="33"/>
      <c r="B14" s="15"/>
      <c r="C14" s="15"/>
      <c r="D14" s="15"/>
      <c r="E14" s="31"/>
      <c r="G14" s="8"/>
      <c r="H14" s="15"/>
      <c r="I14" s="10"/>
      <c r="J14" s="5"/>
      <c r="K14" s="33"/>
      <c r="L14" s="32"/>
      <c r="M14" s="20"/>
      <c r="N14" s="13"/>
      <c r="O14" s="13"/>
      <c r="P14" s="13"/>
      <c r="Q14" s="13"/>
    </row>
    <row r="15" spans="1:17" x14ac:dyDescent="0.25">
      <c r="A15" s="33"/>
      <c r="B15" s="15"/>
      <c r="C15" s="15"/>
      <c r="D15" s="15"/>
      <c r="E15" s="31"/>
      <c r="G15" s="8"/>
      <c r="H15" s="15"/>
      <c r="I15" s="10"/>
      <c r="J15" s="5"/>
      <c r="K15" s="33"/>
      <c r="L15" s="32"/>
      <c r="M15" s="20"/>
      <c r="N15" s="13"/>
      <c r="O15" s="13"/>
      <c r="P15" s="13"/>
      <c r="Q15" s="13"/>
    </row>
    <row r="16" spans="1:17" x14ac:dyDescent="0.25">
      <c r="A16" s="33"/>
      <c r="B16" s="15"/>
      <c r="C16" s="15"/>
      <c r="D16" s="15"/>
      <c r="E16" s="31"/>
      <c r="G16" s="8"/>
      <c r="H16" s="15"/>
      <c r="I16" s="10"/>
      <c r="J16" s="5"/>
      <c r="K16" s="33"/>
      <c r="L16" s="32"/>
      <c r="M16" s="20"/>
      <c r="N16" s="13"/>
      <c r="O16" s="13"/>
      <c r="P16" s="13"/>
      <c r="Q16" s="13"/>
    </row>
    <row r="17" spans="1:17" x14ac:dyDescent="0.25">
      <c r="A17" s="33"/>
      <c r="B17" s="15"/>
      <c r="C17" s="15"/>
      <c r="D17" s="15"/>
      <c r="E17" s="31"/>
      <c r="G17" s="8"/>
      <c r="H17" s="15"/>
      <c r="I17" s="10"/>
      <c r="J17" s="5"/>
      <c r="K17" s="33"/>
      <c r="L17" s="32"/>
      <c r="M17" s="20"/>
      <c r="N17" s="13"/>
      <c r="O17" s="13"/>
      <c r="P17" s="13"/>
      <c r="Q17" s="13"/>
    </row>
    <row r="18" spans="1:17" x14ac:dyDescent="0.25">
      <c r="A18" s="33"/>
      <c r="B18" s="15"/>
      <c r="C18" s="15"/>
      <c r="D18" s="15"/>
      <c r="E18" s="31"/>
      <c r="G18" s="8"/>
      <c r="H18" s="15"/>
      <c r="I18" s="10"/>
      <c r="J18" s="5"/>
      <c r="K18" s="33"/>
      <c r="L18" s="32"/>
      <c r="M18" s="20"/>
      <c r="N18" s="13"/>
      <c r="O18" s="13"/>
      <c r="P18" s="13"/>
      <c r="Q18" s="13"/>
    </row>
    <row r="19" spans="1:17" x14ac:dyDescent="0.25">
      <c r="A19" s="8"/>
      <c r="B19" s="15"/>
      <c r="C19" s="15"/>
      <c r="D19" s="15"/>
      <c r="E19" s="31"/>
      <c r="G19" s="5"/>
      <c r="H19" s="5"/>
      <c r="I19" s="5"/>
      <c r="J19" s="5"/>
      <c r="K19" s="12"/>
      <c r="L19" s="12"/>
      <c r="M19" s="12"/>
      <c r="N19" s="13"/>
      <c r="O19" s="13"/>
      <c r="P19" s="13"/>
      <c r="Q19" s="13"/>
    </row>
    <row r="20" spans="1:17" x14ac:dyDescent="0.25">
      <c r="A20" s="8"/>
      <c r="B20" s="15"/>
      <c r="C20" s="15"/>
      <c r="D20" s="15"/>
      <c r="E20" s="31"/>
      <c r="K20" s="12"/>
      <c r="L20" s="12"/>
      <c r="M20" s="12"/>
      <c r="N20" s="13"/>
      <c r="O20" s="13"/>
      <c r="P20" s="13"/>
      <c r="Q20" s="13"/>
    </row>
    <row r="21" spans="1:17" x14ac:dyDescent="0.25">
      <c r="A21" s="18"/>
      <c r="B21" s="15"/>
      <c r="C21" s="15"/>
      <c r="D21" s="15"/>
      <c r="E21" s="21"/>
    </row>
    <row r="27" spans="1:17" x14ac:dyDescent="0.25"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</row>
    <row r="28" spans="1:17" x14ac:dyDescent="0.25">
      <c r="J28" s="11"/>
      <c r="K28" s="11"/>
      <c r="L28" s="11"/>
      <c r="M28" s="11"/>
    </row>
    <row r="29" spans="1:17" x14ac:dyDescent="0.25">
      <c r="J29" s="11"/>
      <c r="K29" s="11"/>
    </row>
    <row r="40" spans="1:5" x14ac:dyDescent="0.25">
      <c r="A40" s="18"/>
      <c r="B40" s="15"/>
      <c r="C40" s="15"/>
      <c r="D40" s="15"/>
      <c r="E40" s="21"/>
    </row>
    <row r="59" spans="1:5" x14ac:dyDescent="0.25">
      <c r="A59" s="19"/>
      <c r="B59" s="32"/>
      <c r="C59" s="32"/>
      <c r="D59" s="32"/>
      <c r="E59" s="22"/>
    </row>
    <row r="60" spans="1:5" x14ac:dyDescent="0.25">
      <c r="E60" s="22"/>
    </row>
    <row r="61" spans="1:5" x14ac:dyDescent="0.25">
      <c r="E61" s="22"/>
    </row>
    <row r="62" spans="1:5" x14ac:dyDescent="0.25">
      <c r="E62" s="22"/>
    </row>
    <row r="63" spans="1:5" x14ac:dyDescent="0.25">
      <c r="E63" s="22"/>
    </row>
    <row r="64" spans="1:5" x14ac:dyDescent="0.25">
      <c r="E64" s="22"/>
    </row>
    <row r="65" spans="5:5" x14ac:dyDescent="0.25">
      <c r="E65" s="22"/>
    </row>
    <row r="66" spans="5:5" x14ac:dyDescent="0.25">
      <c r="E66" s="22"/>
    </row>
    <row r="67" spans="5:5" x14ac:dyDescent="0.25">
      <c r="E67" s="22"/>
    </row>
    <row r="68" spans="5:5" x14ac:dyDescent="0.25">
      <c r="E68" s="22"/>
    </row>
    <row r="69" spans="5:5" x14ac:dyDescent="0.25">
      <c r="E69" s="22"/>
    </row>
    <row r="70" spans="5:5" x14ac:dyDescent="0.25">
      <c r="E70" s="22"/>
    </row>
    <row r="71" spans="5:5" x14ac:dyDescent="0.25">
      <c r="E71" s="22"/>
    </row>
    <row r="72" spans="5:5" x14ac:dyDescent="0.25">
      <c r="E72" s="22"/>
    </row>
    <row r="73" spans="5:5" x14ac:dyDescent="0.25">
      <c r="E73" s="22"/>
    </row>
    <row r="74" spans="5:5" x14ac:dyDescent="0.25">
      <c r="E74" s="22"/>
    </row>
    <row r="75" spans="5:5" x14ac:dyDescent="0.25">
      <c r="E75" s="22"/>
    </row>
    <row r="76" spans="5:5" x14ac:dyDescent="0.25">
      <c r="E76" s="22"/>
    </row>
    <row r="77" spans="5:5" x14ac:dyDescent="0.25">
      <c r="E77" s="22"/>
    </row>
    <row r="78" spans="5:5" x14ac:dyDescent="0.25">
      <c r="E78" s="22"/>
    </row>
    <row r="79" spans="5:5" x14ac:dyDescent="0.25">
      <c r="E79" s="22"/>
    </row>
    <row r="80" spans="5:5" x14ac:dyDescent="0.25">
      <c r="E80" s="22"/>
    </row>
    <row r="81" spans="5:5" x14ac:dyDescent="0.25">
      <c r="E81" s="22"/>
    </row>
    <row r="82" spans="5:5" x14ac:dyDescent="0.25">
      <c r="E82" s="22"/>
    </row>
    <row r="83" spans="5:5" x14ac:dyDescent="0.25">
      <c r="E83" s="22"/>
    </row>
    <row r="84" spans="5:5" x14ac:dyDescent="0.25">
      <c r="E84" s="22"/>
    </row>
    <row r="85" spans="5:5" x14ac:dyDescent="0.25">
      <c r="E85" s="22"/>
    </row>
    <row r="86" spans="5:5" x14ac:dyDescent="0.25">
      <c r="E86" s="22"/>
    </row>
    <row r="87" spans="5:5" x14ac:dyDescent="0.25">
      <c r="E87" s="22"/>
    </row>
    <row r="88" spans="5:5" x14ac:dyDescent="0.25">
      <c r="E88" s="22"/>
    </row>
    <row r="89" spans="5:5" x14ac:dyDescent="0.25">
      <c r="E89" s="22"/>
    </row>
    <row r="90" spans="5:5" x14ac:dyDescent="0.25">
      <c r="E90" s="22"/>
    </row>
    <row r="91" spans="5:5" x14ac:dyDescent="0.25">
      <c r="E91" s="22"/>
    </row>
    <row r="92" spans="5:5" x14ac:dyDescent="0.25">
      <c r="E92" s="22"/>
    </row>
    <row r="93" spans="5:5" x14ac:dyDescent="0.25">
      <c r="E93" s="22"/>
    </row>
    <row r="94" spans="5:5" x14ac:dyDescent="0.25">
      <c r="E94" s="22"/>
    </row>
    <row r="95" spans="5:5" x14ac:dyDescent="0.25">
      <c r="E95" s="22"/>
    </row>
    <row r="96" spans="5:5" x14ac:dyDescent="0.25">
      <c r="E96" s="22"/>
    </row>
    <row r="97" spans="5:5" x14ac:dyDescent="0.25">
      <c r="E97" s="22"/>
    </row>
    <row r="98" spans="5:5" x14ac:dyDescent="0.25">
      <c r="E98" s="22"/>
    </row>
    <row r="99" spans="5:5" x14ac:dyDescent="0.25">
      <c r="E99" s="22"/>
    </row>
    <row r="100" spans="5:5" x14ac:dyDescent="0.25">
      <c r="E100" s="22"/>
    </row>
    <row r="101" spans="5:5" x14ac:dyDescent="0.25">
      <c r="E101" s="22"/>
    </row>
    <row r="102" spans="5:5" x14ac:dyDescent="0.25">
      <c r="E102" s="22"/>
    </row>
    <row r="103" spans="5:5" x14ac:dyDescent="0.25">
      <c r="E103" s="22"/>
    </row>
    <row r="104" spans="5:5" x14ac:dyDescent="0.25">
      <c r="E104" s="22"/>
    </row>
    <row r="105" spans="5:5" x14ac:dyDescent="0.25">
      <c r="E105" s="22"/>
    </row>
    <row r="106" spans="5:5" x14ac:dyDescent="0.25">
      <c r="E106" s="22"/>
    </row>
    <row r="107" spans="5:5" x14ac:dyDescent="0.25">
      <c r="E107" s="22"/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14A79B-0D5F-443E-8DC7-5AFF20AAA699}">
  <sheetPr codeName="Sheet5"/>
  <dimension ref="A1:K13"/>
  <sheetViews>
    <sheetView workbookViewId="0">
      <selection activeCell="I13" sqref="I13"/>
    </sheetView>
  </sheetViews>
  <sheetFormatPr defaultRowHeight="15" x14ac:dyDescent="0.25"/>
  <cols>
    <col min="1" max="2" width="9.140625" style="5"/>
    <col min="3" max="4" width="16.140625" style="5" bestFit="1" customWidth="1"/>
    <col min="5" max="8" width="9.140625" style="5"/>
    <col min="9" max="10" width="16.140625" style="5" bestFit="1" customWidth="1"/>
    <col min="11" max="11" width="9.140625" style="5"/>
  </cols>
  <sheetData>
    <row r="1" spans="1:11" x14ac:dyDescent="0.25">
      <c r="A1" s="39" t="s">
        <v>33</v>
      </c>
      <c r="B1" s="40"/>
      <c r="C1" s="40"/>
      <c r="D1" s="40"/>
      <c r="E1" s="41"/>
      <c r="G1" s="39" t="s">
        <v>34</v>
      </c>
      <c r="H1" s="40"/>
      <c r="I1" s="41"/>
      <c r="J1" s="41"/>
      <c r="K1" s="39"/>
    </row>
    <row r="3" spans="1:11" x14ac:dyDescent="0.25">
      <c r="A3" s="14" t="s">
        <v>13</v>
      </c>
      <c r="B3" s="14" t="s">
        <v>41</v>
      </c>
      <c r="C3" s="14" t="s">
        <v>43</v>
      </c>
      <c r="D3" s="14" t="s">
        <v>43</v>
      </c>
      <c r="G3" s="14" t="s">
        <v>13</v>
      </c>
      <c r="H3" s="14" t="s">
        <v>41</v>
      </c>
      <c r="I3" s="14" t="s">
        <v>43</v>
      </c>
      <c r="J3" s="14" t="s">
        <v>43</v>
      </c>
    </row>
    <row r="4" spans="1:11" x14ac:dyDescent="0.25">
      <c r="A4" s="9" t="s">
        <v>25</v>
      </c>
      <c r="B4" s="9" t="s">
        <v>42</v>
      </c>
      <c r="C4" s="9" t="s">
        <v>44</v>
      </c>
      <c r="D4" s="9" t="s">
        <v>45</v>
      </c>
      <c r="G4" s="9" t="s">
        <v>25</v>
      </c>
      <c r="H4" s="9" t="s">
        <v>42</v>
      </c>
      <c r="I4" s="9" t="s">
        <v>44</v>
      </c>
      <c r="J4" s="9" t="s">
        <v>45</v>
      </c>
    </row>
    <row r="5" spans="1:11" x14ac:dyDescent="0.25">
      <c r="A5" s="5">
        <v>2</v>
      </c>
      <c r="G5" s="33">
        <v>2</v>
      </c>
    </row>
    <row r="6" spans="1:11" x14ac:dyDescent="0.25">
      <c r="A6" s="5">
        <v>4</v>
      </c>
      <c r="B6" s="5">
        <v>9.3000000000000007</v>
      </c>
      <c r="G6" s="33">
        <v>4</v>
      </c>
      <c r="H6" s="31">
        <v>9.6</v>
      </c>
      <c r="I6" s="10">
        <v>1.8974798581048637</v>
      </c>
      <c r="J6" s="10">
        <v>0.70282016255048529</v>
      </c>
    </row>
    <row r="7" spans="1:11" x14ac:dyDescent="0.25">
      <c r="A7" s="5">
        <v>8</v>
      </c>
      <c r="B7" s="5">
        <v>9.36</v>
      </c>
      <c r="C7" s="34">
        <v>0.45899429377014256</v>
      </c>
      <c r="D7" s="34">
        <v>0.24784748648466151</v>
      </c>
      <c r="G7" s="33">
        <v>8</v>
      </c>
      <c r="H7" s="31">
        <v>9.6449999999999996</v>
      </c>
      <c r="I7" s="10">
        <v>4.4542235509359394</v>
      </c>
      <c r="J7" s="10">
        <v>1.5437190771900573</v>
      </c>
    </row>
    <row r="8" spans="1:11" x14ac:dyDescent="0.25">
      <c r="A8" s="5">
        <v>12</v>
      </c>
      <c r="B8" s="5">
        <v>9.4400000000000013</v>
      </c>
      <c r="C8" s="34">
        <v>0.85514751552795643</v>
      </c>
      <c r="D8" s="34">
        <v>0.43229928516054938</v>
      </c>
      <c r="G8" s="33">
        <v>20</v>
      </c>
      <c r="H8" s="31">
        <v>9.68</v>
      </c>
      <c r="I8" s="10">
        <v>6.4831553916055569</v>
      </c>
      <c r="J8" s="10">
        <v>2.1300809029217085</v>
      </c>
    </row>
    <row r="9" spans="1:11" x14ac:dyDescent="0.25">
      <c r="A9" s="5">
        <v>20</v>
      </c>
      <c r="B9" s="5">
        <v>9.52</v>
      </c>
      <c r="C9" s="34">
        <v>1.8121095460433352</v>
      </c>
      <c r="D9" s="34">
        <v>0.83277851868355068</v>
      </c>
      <c r="G9" s="33">
        <v>40</v>
      </c>
      <c r="H9" s="31">
        <v>9.91</v>
      </c>
      <c r="I9" s="10">
        <v>5.6260440312141995</v>
      </c>
      <c r="J9" s="10">
        <v>1.2584641691757898</v>
      </c>
    </row>
    <row r="10" spans="1:11" x14ac:dyDescent="0.25">
      <c r="A10" s="5">
        <v>40</v>
      </c>
      <c r="B10" s="5">
        <v>9.5300000000000011</v>
      </c>
      <c r="C10" s="34">
        <v>2.7478835978835976</v>
      </c>
      <c r="D10" s="34">
        <v>1.1383872079041422</v>
      </c>
      <c r="G10" s="33">
        <v>60</v>
      </c>
      <c r="H10" s="31">
        <v>10</v>
      </c>
      <c r="I10" s="10">
        <v>5.531030311650774</v>
      </c>
      <c r="J10" s="10">
        <v>1.0495859507917062</v>
      </c>
    </row>
    <row r="11" spans="1:11" x14ac:dyDescent="0.25">
      <c r="A11" s="5">
        <v>60</v>
      </c>
      <c r="B11" s="5">
        <v>9.5799999999999983</v>
      </c>
      <c r="C11" s="34">
        <v>3.1027263769042315</v>
      </c>
      <c r="D11" s="34">
        <v>1.2680898663931828</v>
      </c>
      <c r="I11" s="10"/>
      <c r="J11" s="10"/>
    </row>
    <row r="12" spans="1:11" x14ac:dyDescent="0.25">
      <c r="I12" s="10"/>
      <c r="J12" s="10"/>
    </row>
    <row r="13" spans="1:11" x14ac:dyDescent="0.25">
      <c r="I13" s="10"/>
      <c r="J13" s="10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824173-A25C-4421-B41F-35F7CFCF7D69}">
  <sheetPr codeName="Sheet6"/>
  <dimension ref="A1:E20"/>
  <sheetViews>
    <sheetView zoomScale="145" zoomScaleNormal="145" workbookViewId="0">
      <selection activeCell="H18" sqref="H18"/>
    </sheetView>
  </sheetViews>
  <sheetFormatPr defaultRowHeight="15" x14ac:dyDescent="0.25"/>
  <cols>
    <col min="1" max="1" width="9.140625" style="5"/>
    <col min="2" max="2" width="15" style="5" bestFit="1" customWidth="1"/>
    <col min="3" max="4" width="16.140625" style="5" bestFit="1" customWidth="1"/>
    <col min="5" max="5" width="15" bestFit="1" customWidth="1"/>
  </cols>
  <sheetData>
    <row r="1" spans="1:5" x14ac:dyDescent="0.25">
      <c r="A1" s="42" t="s">
        <v>48</v>
      </c>
      <c r="B1" s="43"/>
      <c r="D1" s="42" t="s">
        <v>46</v>
      </c>
      <c r="E1" s="43"/>
    </row>
    <row r="2" spans="1:5" x14ac:dyDescent="0.25">
      <c r="A2" s="44"/>
      <c r="B2" s="64" t="s">
        <v>59</v>
      </c>
      <c r="D2" s="44"/>
      <c r="E2" s="64" t="s">
        <v>59</v>
      </c>
    </row>
    <row r="3" spans="1:5" x14ac:dyDescent="0.25">
      <c r="A3" s="46" t="s">
        <v>13</v>
      </c>
      <c r="B3" s="47" t="s">
        <v>40</v>
      </c>
      <c r="D3" s="46" t="s">
        <v>13</v>
      </c>
      <c r="E3" s="47" t="s">
        <v>40</v>
      </c>
    </row>
    <row r="4" spans="1:5" x14ac:dyDescent="0.25">
      <c r="A4" s="48" t="s">
        <v>25</v>
      </c>
      <c r="B4" s="49" t="s">
        <v>38</v>
      </c>
      <c r="D4" s="48" t="s">
        <v>25</v>
      </c>
      <c r="E4" s="49" t="s">
        <v>38</v>
      </c>
    </row>
    <row r="5" spans="1:5" x14ac:dyDescent="0.25">
      <c r="A5" s="48">
        <v>2</v>
      </c>
      <c r="B5" s="50">
        <v>1.7274057539682537E-2</v>
      </c>
      <c r="D5" s="48">
        <v>2</v>
      </c>
      <c r="E5" s="50"/>
    </row>
    <row r="6" spans="1:5" x14ac:dyDescent="0.25">
      <c r="A6" s="48">
        <v>4</v>
      </c>
      <c r="B6" s="50">
        <v>3.5766617063492066E-2</v>
      </c>
      <c r="D6" s="48">
        <v>4</v>
      </c>
      <c r="E6" s="50">
        <v>7.4830357142857129E-2</v>
      </c>
    </row>
    <row r="7" spans="1:5" x14ac:dyDescent="0.25">
      <c r="A7" s="48">
        <v>8</v>
      </c>
      <c r="B7" s="50">
        <v>4.6016369047619042E-2</v>
      </c>
      <c r="C7" s="34"/>
      <c r="D7" s="48">
        <v>8</v>
      </c>
      <c r="E7" s="50">
        <v>0.12839666005291006</v>
      </c>
    </row>
    <row r="8" spans="1:5" x14ac:dyDescent="0.25">
      <c r="A8" s="48">
        <v>20</v>
      </c>
      <c r="B8" s="50">
        <v>7.7764318783068789E-2</v>
      </c>
      <c r="C8" s="34"/>
      <c r="D8" s="48">
        <v>20</v>
      </c>
      <c r="E8" s="50">
        <v>0.28054216269841264</v>
      </c>
    </row>
    <row r="9" spans="1:5" x14ac:dyDescent="0.25">
      <c r="A9" s="48">
        <v>40</v>
      </c>
      <c r="B9" s="50">
        <v>0.15460639880952379</v>
      </c>
      <c r="C9" s="34"/>
      <c r="D9" s="48">
        <v>40</v>
      </c>
      <c r="E9" s="50">
        <v>0.65082341269841282</v>
      </c>
    </row>
    <row r="10" spans="1:5" x14ac:dyDescent="0.25">
      <c r="A10" s="48">
        <v>60</v>
      </c>
      <c r="B10" s="50">
        <v>0.25043799603174599</v>
      </c>
      <c r="C10" s="34"/>
      <c r="D10" s="48">
        <v>60</v>
      </c>
      <c r="E10" s="50">
        <v>1.0602400793650792</v>
      </c>
    </row>
    <row r="11" spans="1:5" x14ac:dyDescent="0.25">
      <c r="A11" s="44"/>
      <c r="B11" s="45"/>
      <c r="C11" s="34"/>
      <c r="D11" s="56"/>
      <c r="E11" s="55"/>
    </row>
    <row r="12" spans="1:5" x14ac:dyDescent="0.25">
      <c r="A12" s="44"/>
      <c r="B12" s="64" t="s">
        <v>60</v>
      </c>
      <c r="D12" s="44"/>
      <c r="E12" s="64" t="s">
        <v>60</v>
      </c>
    </row>
    <row r="13" spans="1:5" x14ac:dyDescent="0.25">
      <c r="A13" s="46" t="s">
        <v>13</v>
      </c>
      <c r="B13" s="47" t="s">
        <v>47</v>
      </c>
      <c r="D13" s="46" t="s">
        <v>13</v>
      </c>
      <c r="E13" s="47" t="s">
        <v>47</v>
      </c>
    </row>
    <row r="14" spans="1:5" x14ac:dyDescent="0.25">
      <c r="A14" s="48" t="s">
        <v>25</v>
      </c>
      <c r="B14" s="49" t="s">
        <v>38</v>
      </c>
      <c r="D14" s="48" t="s">
        <v>25</v>
      </c>
      <c r="E14" s="49" t="s">
        <v>38</v>
      </c>
    </row>
    <row r="15" spans="1:5" x14ac:dyDescent="0.25">
      <c r="A15" s="51">
        <v>4</v>
      </c>
      <c r="B15" s="52">
        <v>1.7274057539682537E-2</v>
      </c>
      <c r="D15" s="51">
        <v>4</v>
      </c>
      <c r="E15" s="52">
        <v>6.6399243183241891E-2</v>
      </c>
    </row>
    <row r="16" spans="1:5" x14ac:dyDescent="0.25">
      <c r="A16" s="51">
        <v>8</v>
      </c>
      <c r="B16" s="52">
        <v>3.5766617063492066E-2</v>
      </c>
      <c r="D16" s="51">
        <v>8</v>
      </c>
      <c r="E16" s="52">
        <v>0.13279848636648378</v>
      </c>
    </row>
    <row r="17" spans="1:5" x14ac:dyDescent="0.25">
      <c r="A17" s="51">
        <v>12</v>
      </c>
      <c r="B17" s="52">
        <v>4.6016369047619042E-2</v>
      </c>
      <c r="D17" s="51">
        <v>12</v>
      </c>
      <c r="E17" s="52">
        <v>0.1991977295497257</v>
      </c>
    </row>
    <row r="18" spans="1:5" x14ac:dyDescent="0.25">
      <c r="A18" s="51">
        <v>35</v>
      </c>
      <c r="B18" s="52">
        <v>7.7764318783068789E-2</v>
      </c>
      <c r="D18" s="51">
        <v>35</v>
      </c>
      <c r="E18" s="52">
        <v>0.58099337785336647</v>
      </c>
    </row>
    <row r="19" spans="1:5" x14ac:dyDescent="0.25">
      <c r="A19" s="51">
        <v>40</v>
      </c>
      <c r="B19" s="52">
        <v>0.15460639880952379</v>
      </c>
      <c r="D19" s="51">
        <v>40</v>
      </c>
      <c r="E19" s="52">
        <v>0.66399243183241885</v>
      </c>
    </row>
    <row r="20" spans="1:5" x14ac:dyDescent="0.25">
      <c r="A20" s="53">
        <v>65</v>
      </c>
      <c r="B20" s="54">
        <v>0.25043799603174599</v>
      </c>
      <c r="D20" s="53">
        <v>65</v>
      </c>
      <c r="E20" s="54">
        <v>1.0789877017276808</v>
      </c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6F3751-F512-480E-8EE3-83FC853F8E9D}">
  <sheetPr codeName="Sheet7"/>
  <dimension ref="A1:I28"/>
  <sheetViews>
    <sheetView zoomScale="85" zoomScaleNormal="85" workbookViewId="0">
      <selection activeCell="D15" sqref="D15"/>
    </sheetView>
  </sheetViews>
  <sheetFormatPr defaultRowHeight="15" x14ac:dyDescent="0.25"/>
  <cols>
    <col min="1" max="1" width="12.28515625" style="32" bestFit="1" customWidth="1"/>
    <col min="2" max="3" width="10.85546875" style="5" bestFit="1" customWidth="1"/>
    <col min="4" max="4" width="10.85546875" style="5" customWidth="1"/>
    <col min="5" max="5" width="9.140625" style="5"/>
    <col min="6" max="6" width="12.28515625" style="5" bestFit="1" customWidth="1"/>
    <col min="7" max="9" width="10.85546875" style="5" bestFit="1" customWidth="1"/>
  </cols>
  <sheetData>
    <row r="1" spans="1:9" x14ac:dyDescent="0.25">
      <c r="A1" s="57" t="s">
        <v>49</v>
      </c>
      <c r="B1" s="40"/>
      <c r="C1" s="40"/>
      <c r="D1" s="40"/>
      <c r="F1" s="57" t="s">
        <v>54</v>
      </c>
      <c r="G1" s="40"/>
      <c r="H1" s="41"/>
      <c r="I1" s="41"/>
    </row>
    <row r="2" spans="1:9" x14ac:dyDescent="0.25">
      <c r="B2" s="64" t="s">
        <v>60</v>
      </c>
      <c r="C2" s="64" t="s">
        <v>60</v>
      </c>
      <c r="D2" s="64" t="s">
        <v>60</v>
      </c>
      <c r="G2" s="64" t="s">
        <v>60</v>
      </c>
      <c r="H2" s="64" t="s">
        <v>60</v>
      </c>
      <c r="I2" s="64" t="s">
        <v>60</v>
      </c>
    </row>
    <row r="3" spans="1:9" x14ac:dyDescent="0.25">
      <c r="A3" s="58" t="s">
        <v>28</v>
      </c>
      <c r="B3" s="58" t="s">
        <v>51</v>
      </c>
      <c r="C3" s="58" t="s">
        <v>52</v>
      </c>
      <c r="D3" s="58" t="s">
        <v>53</v>
      </c>
      <c r="F3" s="58" t="s">
        <v>28</v>
      </c>
      <c r="G3" s="14" t="s">
        <v>51</v>
      </c>
      <c r="H3" s="14" t="s">
        <v>52</v>
      </c>
      <c r="I3" s="14" t="s">
        <v>53</v>
      </c>
    </row>
    <row r="4" spans="1:9" x14ac:dyDescent="0.25">
      <c r="A4" s="15" t="s">
        <v>50</v>
      </c>
      <c r="B4" s="15" t="s">
        <v>42</v>
      </c>
      <c r="C4" s="15" t="s">
        <v>42</v>
      </c>
      <c r="D4" s="15" t="s">
        <v>42</v>
      </c>
      <c r="F4" s="15" t="s">
        <v>50</v>
      </c>
      <c r="G4" s="15" t="s">
        <v>42</v>
      </c>
      <c r="H4" s="15" t="s">
        <v>42</v>
      </c>
      <c r="I4" s="15" t="s">
        <v>42</v>
      </c>
    </row>
    <row r="5" spans="1:9" x14ac:dyDescent="0.25">
      <c r="B5" s="32">
        <v>8.4692347503160126E-2</v>
      </c>
      <c r="C5" s="32">
        <v>4.2704605412450053E-2</v>
      </c>
      <c r="D5" s="32">
        <v>0.87260304708438974</v>
      </c>
      <c r="F5" s="32">
        <v>0</v>
      </c>
      <c r="G5" s="59">
        <v>9.6677826562851316E-2</v>
      </c>
      <c r="H5" s="60">
        <v>0.14624420826258702</v>
      </c>
      <c r="I5" s="60">
        <v>0.75707796517456161</v>
      </c>
    </row>
    <row r="6" spans="1:9" x14ac:dyDescent="0.25">
      <c r="A6" s="32">
        <v>0</v>
      </c>
      <c r="B6" s="32">
        <v>8.4692347503160126E-2</v>
      </c>
      <c r="C6" s="32">
        <v>4.2704605412450053E-2</v>
      </c>
      <c r="D6" s="32">
        <v>0.87260304708438974</v>
      </c>
      <c r="F6" s="32">
        <v>0.05</v>
      </c>
      <c r="G6" s="59">
        <v>0.10048144079977647</v>
      </c>
      <c r="H6" s="60">
        <v>0.15199792214292335</v>
      </c>
      <c r="I6" s="60">
        <v>0.74752063705730021</v>
      </c>
    </row>
    <row r="7" spans="1:9" x14ac:dyDescent="0.25">
      <c r="A7" s="32">
        <v>0.1</v>
      </c>
      <c r="B7" s="32">
        <v>9.2789157675569722E-2</v>
      </c>
      <c r="C7" s="32">
        <v>4.6787277503920435E-2</v>
      </c>
      <c r="D7" s="32">
        <v>0.86042356482050986</v>
      </c>
      <c r="F7" s="32">
        <v>0.1</v>
      </c>
      <c r="G7" s="60">
        <v>0.10459660505475329</v>
      </c>
      <c r="H7" s="60">
        <v>0.15822291663996382</v>
      </c>
      <c r="I7" s="60">
        <v>0.73718047830528288</v>
      </c>
    </row>
    <row r="8" spans="1:9" x14ac:dyDescent="0.25">
      <c r="A8" s="32">
        <v>0.2</v>
      </c>
      <c r="B8" s="32">
        <v>0.10259777345056804</v>
      </c>
      <c r="C8" s="32">
        <v>5.1733097033813701E-2</v>
      </c>
      <c r="D8" s="32">
        <v>0.84566912951561835</v>
      </c>
      <c r="F8" s="32">
        <v>0.15</v>
      </c>
      <c r="G8" s="60">
        <v>0.10906323202993948</v>
      </c>
      <c r="H8" s="60">
        <v>0.16497956755790469</v>
      </c>
      <c r="I8" s="60">
        <v>0.72595720041215595</v>
      </c>
    </row>
    <row r="9" spans="1:9" x14ac:dyDescent="0.25">
      <c r="A9" s="32">
        <v>0.3</v>
      </c>
      <c r="B9" s="32">
        <v>0.11472522063394217</v>
      </c>
      <c r="C9" s="32">
        <v>5.784814593604181E-2</v>
      </c>
      <c r="D9" s="32">
        <v>0.82742663343001588</v>
      </c>
      <c r="F9" s="32">
        <v>0.2</v>
      </c>
      <c r="G9" s="60">
        <v>0.11392835617686385</v>
      </c>
      <c r="H9" s="60">
        <v>0.17233902374617138</v>
      </c>
      <c r="I9" s="60">
        <v>0.7137326200769647</v>
      </c>
    </row>
    <row r="10" spans="1:9" x14ac:dyDescent="0.25">
      <c r="A10" s="32">
        <v>0.4</v>
      </c>
      <c r="B10" s="32">
        <v>0.13010400958325977</v>
      </c>
      <c r="C10" s="32">
        <v>6.5602625923474572E-2</v>
      </c>
      <c r="D10" s="32">
        <v>0.80429336449326572</v>
      </c>
      <c r="F10" s="32">
        <v>0.25</v>
      </c>
      <c r="G10" s="60">
        <v>0.11924779630794341</v>
      </c>
      <c r="H10" s="60">
        <v>0.18038572212601359</v>
      </c>
      <c r="I10" s="60">
        <v>0.70036648156604298</v>
      </c>
    </row>
    <row r="11" spans="1:9" x14ac:dyDescent="0.25">
      <c r="A11" s="32">
        <v>0.6</v>
      </c>
      <c r="B11" s="32">
        <v>0.17776146523312822</v>
      </c>
      <c r="C11" s="32">
        <v>8.9633047779629063E-2</v>
      </c>
      <c r="D11" s="32">
        <v>0.7326054869872427</v>
      </c>
      <c r="F11" s="32">
        <v>0.3</v>
      </c>
      <c r="G11" s="60">
        <v>0.12508830679564473</v>
      </c>
      <c r="H11" s="60">
        <v>0.18922064180191184</v>
      </c>
      <c r="I11" s="60">
        <v>0.68569105140244346</v>
      </c>
    </row>
    <row r="12" spans="1:9" x14ac:dyDescent="0.25">
      <c r="A12" s="32">
        <v>0.66</v>
      </c>
      <c r="B12" s="32">
        <v>0.19970748514452341</v>
      </c>
      <c r="C12" s="32">
        <v>0.10069893682769133</v>
      </c>
      <c r="D12" s="32">
        <v>0.69959357802778521</v>
      </c>
      <c r="F12" s="32">
        <v>0.35</v>
      </c>
      <c r="G12" s="60">
        <v>0.13153039349620094</v>
      </c>
      <c r="H12" s="60">
        <v>0.19896556369948162</v>
      </c>
      <c r="I12" s="60">
        <v>0.66950404280431752</v>
      </c>
    </row>
    <row r="13" spans="1:9" x14ac:dyDescent="0.25">
      <c r="A13" s="32">
        <v>0.7</v>
      </c>
      <c r="B13" s="32">
        <v>0.21761861265932067</v>
      </c>
      <c r="C13" s="32">
        <v>0.10973030336270151</v>
      </c>
      <c r="D13" s="32">
        <v>0.6726510839779779</v>
      </c>
      <c r="F13" s="32">
        <v>0.4</v>
      </c>
      <c r="G13" s="60">
        <v>0.13867204704388</v>
      </c>
      <c r="H13" s="60">
        <v>0.20976871790658444</v>
      </c>
      <c r="I13" s="60">
        <v>0.6515592350495355</v>
      </c>
    </row>
    <row r="14" spans="1:9" x14ac:dyDescent="0.25">
      <c r="A14" s="32">
        <v>0.74</v>
      </c>
      <c r="B14" s="32">
        <v>0.23905905718612031</v>
      </c>
      <c r="C14" s="32">
        <v>0.12054126504197649</v>
      </c>
      <c r="D14" s="32">
        <v>0.64039967777190321</v>
      </c>
      <c r="F14" s="32">
        <v>0.45</v>
      </c>
      <c r="G14" s="60">
        <v>0.14663376220511329</v>
      </c>
      <c r="H14" s="60">
        <v>0.22181237643266677</v>
      </c>
      <c r="I14" s="60">
        <v>0.63155386136221991</v>
      </c>
    </row>
    <row r="15" spans="1:9" x14ac:dyDescent="0.25">
      <c r="A15" s="32">
        <v>0.78</v>
      </c>
      <c r="B15" s="32">
        <v>0.26518598304652324</v>
      </c>
      <c r="C15" s="32">
        <v>0.1337153013321763</v>
      </c>
      <c r="D15" s="32">
        <v>0.60109871562130046</v>
      </c>
      <c r="F15" s="32">
        <v>0.5</v>
      </c>
      <c r="G15" s="60">
        <v>0.15556539164007852</v>
      </c>
      <c r="H15" s="60">
        <v>0.23532322086980495</v>
      </c>
      <c r="I15" s="60">
        <v>0.60911138749011651</v>
      </c>
    </row>
    <row r="16" spans="1:9" x14ac:dyDescent="0.25">
      <c r="A16" s="32">
        <v>0.82</v>
      </c>
      <c r="B16" s="32">
        <v>0.29772449414457913</v>
      </c>
      <c r="C16" s="32">
        <v>0.15012226510300877</v>
      </c>
      <c r="D16" s="32">
        <v>0.55215324075241201</v>
      </c>
      <c r="F16" s="32">
        <v>0.55000000000000004</v>
      </c>
      <c r="G16" s="60">
        <v>0.1656556669545044</v>
      </c>
      <c r="H16" s="60">
        <v>0.25058674485428767</v>
      </c>
      <c r="I16" s="60">
        <v>0.58375758819120782</v>
      </c>
    </row>
    <row r="17" spans="1:9" x14ac:dyDescent="0.25">
      <c r="A17" s="32">
        <v>0.85</v>
      </c>
      <c r="B17" s="32">
        <v>0.32789963517883353</v>
      </c>
      <c r="C17" s="32">
        <v>0.16533754167902745</v>
      </c>
      <c r="D17" s="32">
        <v>0.50676282314213894</v>
      </c>
      <c r="F17" s="32">
        <v>0.6</v>
      </c>
      <c r="G17" s="60">
        <v>0.17714568208000556</v>
      </c>
      <c r="H17" s="60">
        <v>0.26796765032863296</v>
      </c>
      <c r="I17" s="60">
        <v>0.5548866675913614</v>
      </c>
    </row>
    <row r="18" spans="1:9" x14ac:dyDescent="0.25">
      <c r="A18" s="32">
        <v>0.87</v>
      </c>
      <c r="B18" s="32">
        <v>0.35166078336073525</v>
      </c>
      <c r="C18" s="32">
        <v>0.1773186767776502</v>
      </c>
      <c r="D18" s="32">
        <v>0.47102053986161452</v>
      </c>
      <c r="F18" s="32">
        <v>0.65</v>
      </c>
      <c r="G18" s="60">
        <v>0.19034840617819901</v>
      </c>
      <c r="H18" s="60">
        <v>0.28793936464302572</v>
      </c>
      <c r="I18" s="60">
        <v>0.52171222917877513</v>
      </c>
    </row>
    <row r="19" spans="1:9" x14ac:dyDescent="0.25">
      <c r="A19" s="32">
        <v>0.89</v>
      </c>
      <c r="B19" s="32">
        <v>0.37913466233509319</v>
      </c>
      <c r="C19" s="32">
        <v>0.19117189014743649</v>
      </c>
      <c r="D19" s="32">
        <v>0.42969344751747024</v>
      </c>
      <c r="F19" s="32">
        <v>0.7</v>
      </c>
      <c r="G19" s="60">
        <v>0.2056776250738373</v>
      </c>
      <c r="H19" s="60">
        <v>0.31112782015944229</v>
      </c>
      <c r="I19" s="60">
        <v>0.48319455476672035</v>
      </c>
    </row>
    <row r="20" spans="1:9" x14ac:dyDescent="0.25">
      <c r="A20" s="32">
        <v>0.91</v>
      </c>
      <c r="B20" s="32">
        <v>0.41126520088258472</v>
      </c>
      <c r="C20" s="32">
        <v>0.20737314103741733</v>
      </c>
      <c r="D20" s="32">
        <v>0.381361658079998</v>
      </c>
      <c r="F20" s="32">
        <v>0.75</v>
      </c>
      <c r="G20" s="60">
        <v>0.22369209186256545</v>
      </c>
      <c r="H20" s="60">
        <v>0.33837824072074324</v>
      </c>
      <c r="I20" s="60">
        <v>0.43792966741669132</v>
      </c>
    </row>
    <row r="21" spans="1:9" x14ac:dyDescent="0.25">
      <c r="A21" s="32">
        <v>0.93</v>
      </c>
      <c r="B21" s="32">
        <v>0.44934593677115292</v>
      </c>
      <c r="C21" s="32">
        <v>0.22657467279182231</v>
      </c>
      <c r="D21" s="32">
        <v>0.32407939043702483</v>
      </c>
      <c r="F21" s="32">
        <v>0.8</v>
      </c>
      <c r="G21" s="60">
        <v>0.24516510657990892</v>
      </c>
      <c r="H21" s="60">
        <v>0.37086039457126685</v>
      </c>
      <c r="I21" s="60">
        <v>0.38397449884882429</v>
      </c>
    </row>
    <row r="22" spans="1:9" x14ac:dyDescent="0.25">
      <c r="A22" s="32">
        <v>0.95</v>
      </c>
      <c r="B22" s="32">
        <v>0.49519839191302978</v>
      </c>
      <c r="C22" s="32">
        <v>0.24969495534099662</v>
      </c>
      <c r="D22" s="32">
        <v>0.25510665274597372</v>
      </c>
      <c r="F22" s="32">
        <v>0.85</v>
      </c>
      <c r="G22" s="60">
        <v>0.27119842656182552</v>
      </c>
      <c r="H22" s="60">
        <v>0.41024090615865616</v>
      </c>
      <c r="I22" s="60">
        <v>0.31856066727951821</v>
      </c>
    </row>
    <row r="23" spans="1:9" x14ac:dyDescent="0.25">
      <c r="A23" s="32">
        <v>0.97</v>
      </c>
      <c r="B23" s="32">
        <v>0.55147206939559157</v>
      </c>
      <c r="C23" s="32">
        <v>0.27806995335260098</v>
      </c>
      <c r="D23" s="32">
        <v>0.17045797725180731</v>
      </c>
      <c r="F23" s="32">
        <v>0.9</v>
      </c>
      <c r="G23" s="60">
        <v>0.30341737355662463</v>
      </c>
      <c r="H23" s="60">
        <v>0.45897839397594209</v>
      </c>
      <c r="I23" s="60">
        <v>0.23760423246743326</v>
      </c>
    </row>
    <row r="24" spans="1:9" x14ac:dyDescent="0.25">
      <c r="A24" s="32">
        <v>0.99</v>
      </c>
      <c r="B24" s="32">
        <v>0.62217522270076875</v>
      </c>
      <c r="C24" s="32">
        <v>0.31372075714217479</v>
      </c>
      <c r="D24" s="32">
        <v>6.4104020157056407E-2</v>
      </c>
      <c r="F24" s="32">
        <v>0.92</v>
      </c>
      <c r="G24" s="60">
        <v>0.31855539561113327</v>
      </c>
      <c r="H24" s="60">
        <v>0.48187762670314821</v>
      </c>
      <c r="I24" s="60">
        <v>0.19956697768571868</v>
      </c>
    </row>
    <row r="25" spans="1:9" x14ac:dyDescent="0.25">
      <c r="A25" s="32">
        <v>1</v>
      </c>
      <c r="B25" s="32">
        <v>0.66479099825300936</v>
      </c>
      <c r="C25" s="32">
        <v>0.33520900174699059</v>
      </c>
      <c r="D25" s="32">
        <v>0</v>
      </c>
      <c r="F25" s="32">
        <v>0.94</v>
      </c>
      <c r="G25" s="61">
        <v>0.33528326245007545</v>
      </c>
      <c r="H25" s="61">
        <v>0.50718181204488921</v>
      </c>
      <c r="I25" s="61">
        <v>0.15753492550503537</v>
      </c>
    </row>
    <row r="26" spans="1:9" x14ac:dyDescent="0.25">
      <c r="F26" s="32">
        <v>0.96</v>
      </c>
      <c r="G26" s="61">
        <v>0.35386531091466122</v>
      </c>
      <c r="H26" s="61">
        <v>0.53529081141129176</v>
      </c>
      <c r="I26" s="61">
        <v>0.11084387767404701</v>
      </c>
    </row>
    <row r="27" spans="1:9" x14ac:dyDescent="0.25">
      <c r="F27" s="32">
        <v>0.98</v>
      </c>
      <c r="G27" s="59">
        <v>0.37462791638308612</v>
      </c>
      <c r="H27" s="59">
        <v>0.56669833168921468</v>
      </c>
      <c r="I27" s="59">
        <v>5.8673751927699122E-2</v>
      </c>
    </row>
    <row r="28" spans="1:9" x14ac:dyDescent="0.25">
      <c r="F28" s="32">
        <v>0.999</v>
      </c>
      <c r="G28" s="59">
        <v>0.39674236111456973</v>
      </c>
      <c r="H28" s="59">
        <v>0.60015077446646337</v>
      </c>
      <c r="I28" s="59">
        <v>3.1068644189668391E-3</v>
      </c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D30D11-2135-4EA2-8857-8177905FB2C4}">
  <dimension ref="A1:E23"/>
  <sheetViews>
    <sheetView zoomScale="115" zoomScaleNormal="115" workbookViewId="0">
      <selection activeCell="E12" sqref="E12"/>
    </sheetView>
  </sheetViews>
  <sheetFormatPr defaultRowHeight="15" x14ac:dyDescent="0.25"/>
  <cols>
    <col min="1" max="1" width="13.28515625" style="5" bestFit="1" customWidth="1"/>
    <col min="2" max="2" width="19.28515625" style="34" bestFit="1" customWidth="1"/>
    <col min="4" max="4" width="13.28515625" bestFit="1" customWidth="1"/>
    <col min="5" max="5" width="19.28515625" bestFit="1" customWidth="1"/>
  </cols>
  <sheetData>
    <row r="1" spans="1:5" x14ac:dyDescent="0.25">
      <c r="A1" s="62" t="s">
        <v>62</v>
      </c>
      <c r="B1" s="63"/>
      <c r="D1" s="62" t="s">
        <v>61</v>
      </c>
      <c r="E1" s="63"/>
    </row>
    <row r="2" spans="1:5" x14ac:dyDescent="0.25">
      <c r="A2" s="44"/>
      <c r="B2" s="64" t="s">
        <v>59</v>
      </c>
      <c r="D2" s="44"/>
      <c r="E2" s="64" t="s">
        <v>59</v>
      </c>
    </row>
    <row r="3" spans="1:5" x14ac:dyDescent="0.25">
      <c r="A3" s="44" t="s">
        <v>55</v>
      </c>
      <c r="B3" s="65" t="s">
        <v>56</v>
      </c>
      <c r="D3" s="44" t="s">
        <v>55</v>
      </c>
      <c r="E3" s="65" t="s">
        <v>56</v>
      </c>
    </row>
    <row r="4" spans="1:5" x14ac:dyDescent="0.25">
      <c r="A4" s="44" t="s">
        <v>9</v>
      </c>
      <c r="B4" s="52" t="s">
        <v>57</v>
      </c>
      <c r="D4" s="44" t="s">
        <v>9</v>
      </c>
      <c r="E4" s="52" t="s">
        <v>57</v>
      </c>
    </row>
    <row r="5" spans="1:5" x14ac:dyDescent="0.25">
      <c r="A5" s="44">
        <v>1.0588</v>
      </c>
      <c r="B5" s="64">
        <v>3.5314697002790902</v>
      </c>
      <c r="D5" s="44">
        <v>1.0588</v>
      </c>
      <c r="E5" s="64">
        <v>15.453050223827917</v>
      </c>
    </row>
    <row r="6" spans="1:5" x14ac:dyDescent="0.25">
      <c r="A6" s="44">
        <v>1.2301999999999997</v>
      </c>
      <c r="B6" s="64">
        <v>3.6434714805342696</v>
      </c>
      <c r="D6" s="44">
        <v>1.2301999999999997</v>
      </c>
      <c r="E6" s="64">
        <v>13.302334678983716</v>
      </c>
    </row>
    <row r="7" spans="1:5" x14ac:dyDescent="0.25">
      <c r="A7" s="44">
        <v>1.5225</v>
      </c>
      <c r="B7" s="64">
        <v>3.1977214280342179</v>
      </c>
      <c r="D7" s="44">
        <v>1.5225</v>
      </c>
      <c r="E7" s="64">
        <v>10.784401389292956</v>
      </c>
    </row>
    <row r="8" spans="1:5" x14ac:dyDescent="0.25">
      <c r="A8" s="44">
        <v>1.9950000000000001</v>
      </c>
      <c r="B8" s="64">
        <v>2.4495511226073896</v>
      </c>
      <c r="D8" s="44">
        <v>1.9950000000000001</v>
      </c>
      <c r="E8" s="64">
        <v>8.8492917091446817</v>
      </c>
    </row>
    <row r="9" spans="1:5" x14ac:dyDescent="0.25">
      <c r="A9" s="44">
        <v>2.5396000000000005</v>
      </c>
      <c r="B9" s="64">
        <v>1.9109666870092681</v>
      </c>
      <c r="D9" s="44">
        <v>2.5396000000000005</v>
      </c>
      <c r="E9" s="64">
        <v>6.739655844244548</v>
      </c>
    </row>
    <row r="10" spans="1:5" x14ac:dyDescent="0.25">
      <c r="A10" s="44"/>
      <c r="B10" s="64"/>
      <c r="D10" s="44"/>
      <c r="E10" s="64"/>
    </row>
    <row r="11" spans="1:5" x14ac:dyDescent="0.25">
      <c r="A11" s="44"/>
      <c r="B11" s="64"/>
      <c r="D11" s="44"/>
      <c r="E11" s="64"/>
    </row>
    <row r="12" spans="1:5" x14ac:dyDescent="0.25">
      <c r="A12" s="44"/>
      <c r="B12" s="64" t="s">
        <v>60</v>
      </c>
      <c r="D12" s="44"/>
      <c r="E12" s="64" t="s">
        <v>60</v>
      </c>
    </row>
    <row r="13" spans="1:5" x14ac:dyDescent="0.25">
      <c r="A13" s="44" t="s">
        <v>55</v>
      </c>
      <c r="B13" s="65" t="s">
        <v>58</v>
      </c>
      <c r="D13" s="44" t="s">
        <v>55</v>
      </c>
      <c r="E13" s="65" t="s">
        <v>58</v>
      </c>
    </row>
    <row r="14" spans="1:5" x14ac:dyDescent="0.25">
      <c r="A14" s="44" t="s">
        <v>9</v>
      </c>
      <c r="B14" s="52" t="s">
        <v>57</v>
      </c>
      <c r="D14" s="44" t="s">
        <v>9</v>
      </c>
      <c r="E14" s="52" t="s">
        <v>57</v>
      </c>
    </row>
    <row r="15" spans="1:5" x14ac:dyDescent="0.25">
      <c r="A15" s="56">
        <v>1</v>
      </c>
      <c r="B15" s="64">
        <v>5.4859511500766693</v>
      </c>
      <c r="D15" s="56">
        <v>1</v>
      </c>
      <c r="E15" s="64">
        <v>16.457853450230008</v>
      </c>
    </row>
    <row r="16" spans="1:5" x14ac:dyDescent="0.25">
      <c r="A16" s="56">
        <v>1.2</v>
      </c>
      <c r="B16" s="64">
        <v>4.5716259583972247</v>
      </c>
      <c r="D16" s="56">
        <v>1.2</v>
      </c>
      <c r="E16" s="64">
        <v>13.71487787519167</v>
      </c>
    </row>
    <row r="17" spans="1:5" x14ac:dyDescent="0.25">
      <c r="A17" s="56">
        <v>1.4</v>
      </c>
      <c r="B17" s="64">
        <v>3.9185365357690491</v>
      </c>
      <c r="D17" s="56">
        <v>1.4</v>
      </c>
      <c r="E17" s="64">
        <v>11.755609607307143</v>
      </c>
    </row>
    <row r="18" spans="1:5" x14ac:dyDescent="0.25">
      <c r="A18" s="56">
        <v>1.6</v>
      </c>
      <c r="B18" s="64">
        <v>3.4287194687979183</v>
      </c>
      <c r="D18" s="56">
        <v>1.6</v>
      </c>
      <c r="E18" s="64">
        <v>10.286158406393751</v>
      </c>
    </row>
    <row r="19" spans="1:5" x14ac:dyDescent="0.25">
      <c r="A19" s="56">
        <v>1.8</v>
      </c>
      <c r="B19" s="64">
        <v>3.0477506389314821</v>
      </c>
      <c r="D19" s="56">
        <v>1.8</v>
      </c>
      <c r="E19" s="64">
        <v>9.1432519167944459</v>
      </c>
    </row>
    <row r="20" spans="1:5" x14ac:dyDescent="0.25">
      <c r="A20" s="56">
        <v>2</v>
      </c>
      <c r="B20" s="64">
        <v>2.7429755750383347</v>
      </c>
      <c r="D20" s="56">
        <v>2</v>
      </c>
      <c r="E20" s="64">
        <v>8.228926725115004</v>
      </c>
    </row>
    <row r="21" spans="1:5" x14ac:dyDescent="0.25">
      <c r="A21" s="56">
        <v>2.2000000000000002</v>
      </c>
      <c r="B21" s="64">
        <v>2.4936141591257588</v>
      </c>
      <c r="D21" s="56">
        <v>2.2000000000000002</v>
      </c>
      <c r="E21" s="64">
        <v>7.4808424773772746</v>
      </c>
    </row>
    <row r="22" spans="1:5" x14ac:dyDescent="0.25">
      <c r="A22" s="56">
        <v>2.4</v>
      </c>
      <c r="B22" s="64">
        <v>2.2858129791986124</v>
      </c>
      <c r="D22" s="56">
        <v>2.4</v>
      </c>
      <c r="E22" s="64">
        <v>6.8574389375958349</v>
      </c>
    </row>
    <row r="23" spans="1:5" x14ac:dyDescent="0.25">
      <c r="A23" s="66">
        <v>2.6</v>
      </c>
      <c r="B23" s="67">
        <v>2.1099812115679497</v>
      </c>
      <c r="D23" s="66">
        <v>2.6</v>
      </c>
      <c r="E23" s="67">
        <v>6.3299436347038469</v>
      </c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1" ma:contentTypeDescription="Create a new document." ma:contentTypeScope="" ma:versionID="64e1e7342c28aa042b28b64afb06f3b4">
  <xsd:schema xmlns:xsd="http://www.w3.org/2001/XMLSchema" xmlns:xs="http://www.w3.org/2001/XMLSchema" xmlns:p="http://schemas.microsoft.com/office/2006/metadata/properties" xmlns:ns3="62dac45c-a09b-4542-889f-7647871c89a7" xmlns:ns4="5b9dbb6f-f28e-4a32-a7d6-aa04ef18b565" targetNamespace="http://schemas.microsoft.com/office/2006/metadata/properties" ma:root="true" ma:fieldsID="3b24aba364f8dd93f450a54e20e074a1" ns3:_="" ns4:_="">
    <xsd:import namespace="62dac45c-a09b-4542-889f-7647871c89a7"/>
    <xsd:import namespace="5b9dbb6f-f28e-4a32-a7d6-aa04ef18b565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D63E557B-797E-44AD-9571-FB6FBAAAF1BC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765E7B2-01A9-4D81-A482-6AC0029AA0C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2dac45c-a09b-4542-889f-7647871c89a7"/>
    <ds:schemaRef ds:uri="5b9dbb6f-f28e-4a32-a7d6-aa04ef18b56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D1544F7C-A230-4CFF-A935-985B9EB3D029}">
  <ds:schemaRefs>
    <ds:schemaRef ds:uri="http://purl.org/dc/elements/1.1/"/>
    <ds:schemaRef ds:uri="http://www.w3.org/XML/1998/namespace"/>
    <ds:schemaRef ds:uri="http://schemas.microsoft.com/office/2006/metadata/properties"/>
    <ds:schemaRef ds:uri="http://schemas.microsoft.com/office/infopath/2007/PartnerControls"/>
    <ds:schemaRef ds:uri="http://purl.org/dc/terms/"/>
    <ds:schemaRef ds:uri="http://schemas.microsoft.com/office/2006/documentManagement/types"/>
    <ds:schemaRef ds:uri="62dac45c-a09b-4542-889f-7647871c89a7"/>
    <ds:schemaRef ds:uri="http://schemas.openxmlformats.org/package/2006/metadata/core-properties"/>
    <ds:schemaRef ds:uri="5b9dbb6f-f28e-4a32-a7d6-aa04ef18b565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3</vt:i4>
      </vt:variant>
    </vt:vector>
  </HeadingPairs>
  <TitlesOfParts>
    <vt:vector size="11" baseType="lpstr">
      <vt:lpstr>Contents</vt:lpstr>
      <vt:lpstr>Fig 2</vt:lpstr>
      <vt:lpstr>Fig 3</vt:lpstr>
      <vt:lpstr>Fig  3</vt:lpstr>
      <vt:lpstr>Fig 4</vt:lpstr>
      <vt:lpstr>Fig 5</vt:lpstr>
      <vt:lpstr>Fig 6</vt:lpstr>
      <vt:lpstr>Fig 7</vt:lpstr>
      <vt:lpstr>Contents!_Hlk130041943</vt:lpstr>
      <vt:lpstr>Contents!_Hlk130042002</vt:lpstr>
      <vt:lpstr>Contents!_Toc132033524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clennan Hulme</dc:creator>
  <cp:lastModifiedBy>Luqmani, Ben</cp:lastModifiedBy>
  <dcterms:created xsi:type="dcterms:W3CDTF">2021-02-10T13:20:44Z</dcterms:created>
  <dcterms:modified xsi:type="dcterms:W3CDTF">2023-05-19T19:02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